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932"/>
  <workbookPr/>
  <mc:AlternateContent xmlns:mc="http://schemas.openxmlformats.org/markup-compatibility/2006">
    <mc:Choice Requires="x15">
      <x15ac:absPath xmlns:x15ac="http://schemas.microsoft.com/office/spreadsheetml/2010/11/ac" url="C:\Users\s41132\Documents\作業用\☆下水道課（令和7年度）☆☆\埼玉県 照会・通知文書\市町村課\260119公営企業に係る経営比較分析表（令和６年度決算）の分析等について\回答【公共】\"/>
    </mc:Choice>
  </mc:AlternateContent>
  <xr:revisionPtr revIDLastSave="0" documentId="13_ncr:1_{5385BE7B-0D41-4489-BF5C-5C7AD01E59B8}" xr6:coauthVersionLast="47" xr6:coauthVersionMax="47" xr10:uidLastSave="{00000000-0000-0000-0000-000000000000}"/>
  <workbookProtection workbookAlgorithmName="SHA-512" workbookHashValue="1cHjCnztpzA/9fYEzytFSV1Z5W5DbsbqtEBDZgU1uUHYZHVSZG/Ozd+62kewFInfii5jwBqWdKW0JohKpKGTHg==" workbookSaltValue="OfrdOhZ1BWv9CSuODh1ANw==" workbookSpinCount="100000" lockStructure="1"/>
  <bookViews>
    <workbookView xWindow="1680" yWindow="1560" windowWidth="21600" windowHeight="12495" xr2:uid="{00000000-000D-0000-FFFF-FFFF00000000}"/>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 xmlns:xlwcv="http://schemas.microsoft.com/office/spreadsheetml/2024/workbookCompatibilityVersion" uri="{D14903EA-33C4-47F7-8F05-3474C54BE107}">
      <xlwcv:version setVersion="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G85" i="4" s="1"/>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AT10" i="4" s="1"/>
  <c r="V6" i="5"/>
  <c r="AL10" i="4" s="1"/>
  <c r="U6" i="5"/>
  <c r="BB8" i="4" s="1"/>
  <c r="T6" i="5"/>
  <c r="AT8" i="4" s="1"/>
  <c r="S6" i="5"/>
  <c r="AL8" i="4" s="1"/>
  <c r="R6" i="5"/>
  <c r="AD10" i="4" s="1"/>
  <c r="Q6" i="5"/>
  <c r="W10" i="4" s="1"/>
  <c r="P6" i="5"/>
  <c r="O6" i="5"/>
  <c r="I10" i="4" s="1"/>
  <c r="N6" i="5"/>
  <c r="B10" i="4" s="1"/>
  <c r="M6" i="5"/>
  <c r="AD8" i="4" s="1"/>
  <c r="L6" i="5"/>
  <c r="W8" i="4" s="1"/>
  <c r="K6" i="5"/>
  <c r="P8" i="4" s="1"/>
  <c r="J6" i="5"/>
  <c r="I8" i="4" s="1"/>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K85" i="4"/>
  <c r="I85" i="4"/>
  <c r="H85" i="4"/>
  <c r="E85" i="4"/>
  <c r="BB10" i="4"/>
  <c r="P10" i="4"/>
  <c r="B6" i="4"/>
</calcChain>
</file>

<file path=xl/sharedStrings.xml><?xml version="1.0" encoding="utf-8"?>
<sst xmlns="http://schemas.openxmlformats.org/spreadsheetml/2006/main" count="236" uniqueCount="116">
  <si>
    <t>経営比較分析表（令和6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6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埼玉県　幸手市</t>
  </si>
  <si>
    <t>法適用</t>
  </si>
  <si>
    <t>下水道事業</t>
  </si>
  <si>
    <t>公共下水道</t>
  </si>
  <si>
    <t>Cb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R"yy</t>
    <phoneticPr fontId="4"/>
  </si>
  <si>
    <t>"R"yy</t>
    <phoneticPr fontId="4"/>
  </si>
  <si>
    <t>←書式設定</t>
    <rPh sb="1" eb="3">
      <t>ショシキ</t>
    </rPh>
    <rPh sb="3" eb="5">
      <t>セッテイ</t>
    </rPh>
    <phoneticPr fontId="4"/>
  </si>
  <si>
    <t xml:space="preserve">①類似団体平均より高い数値です。これは、法適化移行に際して、資産取得価格と償却累計額それぞれの数値を貸借対照表に計上する方式を採用したことで、償却累計額相当分を資産価格から控除した額を帳簿価格にする方式を採用した自治体に比べて数値が高くなることが原因の一つに考えられます。また、下水道供用開始前から整備されていた集中浄化槽方式を用いた汚水処理区域のうち、後に公共下水道へ接続替えを行った地域において、老朽化の進んでいる下水道管が多く存在していることも原因として考えられます。
②③上記の接続替え地域において、法定耐用年数を経過した管渠が発生しています。こうした管渠は今後徐々に増加していくことから、新規整備と並行して老朽管対策にも取り組んでいけるよう、更新費用の平準化や財源の確保等に留意した、長期的な投資・財政計画を策定していく必要があります。
</t>
    <phoneticPr fontId="4"/>
  </si>
  <si>
    <t>①単年度収支は黒字になっていますが、使用料以外に基準内ではあるものの一般会計からの負担金に大きく依存しており、今後も、使用料収入の確保及び経費削減に取り組んでいく必要があります。
②累積欠損金は発生していません。
③法適化移行後6年で最低限必要とされる水準である100％に到達しました。今後も短期債務支払能力を安定させ続けるため、流動資産の確保に努める必要があります。
④類似団体と比較して高い数値となっていますが、本市の下水道普及率は46.31％と建設途上にあることから、建設改良のための企業債借入残高の比率が高いことが考えられます。今後も、借入と返済のバランスに留意した企業債運用を心掛けるなど、計画的な建設投資を行っていく必要があります。
⑤類似団体に比べ低水準となっています。整備途上で接続人口が多くないことも原因の一つですが、持続性のある長期安定経営を目指し、使用料金の適正化に随時取り組んでいく必要があります。
⑥類似団体とほぼ同水準となっています。今後、施設の老朽化が徐々に進んでいくことから、予防保全の考え方に基づく維持費抑制や、接続率向上による有収水量増加に取り組むことが必要です。
⑦汚水処理を行う施設は保有していません。
⑧毎年度、供用開始地区が増えているという状況を考えれば、極端に悪い数値ではないと思われますが、他の経営指標向上に密接に関わる比率であるため、今後も接続人口の増加に取り組んでいく必要があります。</t>
    <rPh sb="1" eb="4">
      <t>タンネンド</t>
    </rPh>
    <rPh sb="4" eb="6">
      <t>シュウシ</t>
    </rPh>
    <rPh sb="7" eb="9">
      <t>クロジ</t>
    </rPh>
    <rPh sb="18" eb="21">
      <t>シヨウリョウ</t>
    </rPh>
    <rPh sb="21" eb="23">
      <t>イガイ</t>
    </rPh>
    <rPh sb="24" eb="27">
      <t>キジュンナイ</t>
    </rPh>
    <rPh sb="34" eb="36">
      <t>イッパン</t>
    </rPh>
    <rPh sb="36" eb="38">
      <t>カイケイ</t>
    </rPh>
    <rPh sb="41" eb="44">
      <t>フタンキン</t>
    </rPh>
    <rPh sb="45" eb="46">
      <t>オオ</t>
    </rPh>
    <rPh sb="48" eb="50">
      <t>イゾン</t>
    </rPh>
    <rPh sb="55" eb="57">
      <t>コンゴ</t>
    </rPh>
    <rPh sb="59" eb="62">
      <t>シヨウリョウ</t>
    </rPh>
    <rPh sb="62" eb="64">
      <t>シュウニュウ</t>
    </rPh>
    <rPh sb="65" eb="67">
      <t>カクホ</t>
    </rPh>
    <rPh sb="67" eb="68">
      <t>オヨ</t>
    </rPh>
    <rPh sb="69" eb="71">
      <t>ケイヒ</t>
    </rPh>
    <rPh sb="71" eb="73">
      <t>サクゲン</t>
    </rPh>
    <rPh sb="74" eb="75">
      <t>ト</t>
    </rPh>
    <rPh sb="76" eb="77">
      <t>ク</t>
    </rPh>
    <rPh sb="81" eb="83">
      <t>ヒツヨウ</t>
    </rPh>
    <rPh sb="91" eb="93">
      <t>ルイセキ</t>
    </rPh>
    <rPh sb="93" eb="95">
      <t>ケッソン</t>
    </rPh>
    <rPh sb="95" eb="96">
      <t>キン</t>
    </rPh>
    <rPh sb="97" eb="99">
      <t>ハッセイ</t>
    </rPh>
    <rPh sb="108" eb="109">
      <t>ホウ</t>
    </rPh>
    <rPh sb="109" eb="110">
      <t>テキ</t>
    </rPh>
    <rPh sb="110" eb="111">
      <t>カ</t>
    </rPh>
    <rPh sb="111" eb="113">
      <t>イコウ</t>
    </rPh>
    <rPh sb="113" eb="114">
      <t>ゴ</t>
    </rPh>
    <rPh sb="115" eb="116">
      <t>ネン</t>
    </rPh>
    <rPh sb="117" eb="120">
      <t>サイテイゲン</t>
    </rPh>
    <rPh sb="120" eb="122">
      <t>ヒツヨウ</t>
    </rPh>
    <rPh sb="126" eb="128">
      <t>スイジュン</t>
    </rPh>
    <rPh sb="136" eb="138">
      <t>トウタツ</t>
    </rPh>
    <rPh sb="143" eb="145">
      <t>コンゴ</t>
    </rPh>
    <rPh sb="146" eb="150">
      <t>タンキサイム</t>
    </rPh>
    <rPh sb="150" eb="152">
      <t>シハラ</t>
    </rPh>
    <rPh sb="152" eb="154">
      <t>ノウリョク</t>
    </rPh>
    <rPh sb="155" eb="157">
      <t>アンテイ</t>
    </rPh>
    <rPh sb="159" eb="160">
      <t>ツヅ</t>
    </rPh>
    <rPh sb="165" eb="167">
      <t>リュウドウ</t>
    </rPh>
    <rPh sb="167" eb="169">
      <t>シサン</t>
    </rPh>
    <rPh sb="170" eb="172">
      <t>カクホ</t>
    </rPh>
    <rPh sb="173" eb="174">
      <t>ツト</t>
    </rPh>
    <rPh sb="176" eb="178">
      <t>ヒツヨウ</t>
    </rPh>
    <rPh sb="186" eb="188">
      <t>ルイジ</t>
    </rPh>
    <rPh sb="188" eb="190">
      <t>ダンタイ</t>
    </rPh>
    <rPh sb="191" eb="193">
      <t>ヒカク</t>
    </rPh>
    <rPh sb="195" eb="196">
      <t>タカ</t>
    </rPh>
    <rPh sb="197" eb="199">
      <t>スウチ</t>
    </rPh>
    <rPh sb="208" eb="209">
      <t>ホン</t>
    </rPh>
    <rPh sb="209" eb="210">
      <t>シ</t>
    </rPh>
    <rPh sb="211" eb="214">
      <t>ゲスイドウ</t>
    </rPh>
    <rPh sb="214" eb="216">
      <t>フキュウ</t>
    </rPh>
    <rPh sb="216" eb="217">
      <t>リツ</t>
    </rPh>
    <rPh sb="225" eb="227">
      <t>ケンセツ</t>
    </rPh>
    <rPh sb="227" eb="229">
      <t>トジョウ</t>
    </rPh>
    <rPh sb="237" eb="239">
      <t>ケンセツ</t>
    </rPh>
    <rPh sb="239" eb="241">
      <t>カイリョウ</t>
    </rPh>
    <rPh sb="245" eb="247">
      <t>キギョウ</t>
    </rPh>
    <rPh sb="247" eb="248">
      <t>サイ</t>
    </rPh>
    <rPh sb="248" eb="250">
      <t>カリイレ</t>
    </rPh>
    <rPh sb="250" eb="252">
      <t>ザンダカ</t>
    </rPh>
    <rPh sb="253" eb="255">
      <t>ヒリツ</t>
    </rPh>
    <rPh sb="256" eb="257">
      <t>タカ</t>
    </rPh>
    <rPh sb="261" eb="262">
      <t>カンガ</t>
    </rPh>
    <rPh sb="268" eb="270">
      <t>コンゴ</t>
    </rPh>
    <rPh sb="272" eb="274">
      <t>カリイレ</t>
    </rPh>
    <rPh sb="275" eb="277">
      <t>ヘンサイ</t>
    </rPh>
    <rPh sb="283" eb="285">
      <t>リュウイ</t>
    </rPh>
    <rPh sb="287" eb="289">
      <t>キギョウ</t>
    </rPh>
    <rPh sb="289" eb="290">
      <t>サイ</t>
    </rPh>
    <rPh sb="290" eb="292">
      <t>ウンヨウ</t>
    </rPh>
    <rPh sb="293" eb="295">
      <t>ココロガ</t>
    </rPh>
    <rPh sb="300" eb="303">
      <t>ケイカクテキ</t>
    </rPh>
    <rPh sb="304" eb="306">
      <t>ケンセツ</t>
    </rPh>
    <rPh sb="306" eb="308">
      <t>トウシ</t>
    </rPh>
    <rPh sb="309" eb="310">
      <t>オコナ</t>
    </rPh>
    <rPh sb="314" eb="316">
      <t>ヒツヨウ</t>
    </rPh>
    <rPh sb="362" eb="363">
      <t>ヒト</t>
    </rPh>
    <rPh sb="368" eb="371">
      <t>ジゾクセイ</t>
    </rPh>
    <rPh sb="374" eb="376">
      <t>チョウキ</t>
    </rPh>
    <rPh sb="376" eb="378">
      <t>アンテイ</t>
    </rPh>
    <rPh sb="378" eb="380">
      <t>ケイエイ</t>
    </rPh>
    <rPh sb="381" eb="383">
      <t>メザ</t>
    </rPh>
    <rPh sb="385" eb="387">
      <t>シヨウ</t>
    </rPh>
    <rPh sb="387" eb="389">
      <t>リョウキン</t>
    </rPh>
    <rPh sb="390" eb="393">
      <t>テキセイカ</t>
    </rPh>
    <rPh sb="394" eb="396">
      <t>ズイジ</t>
    </rPh>
    <rPh sb="396" eb="397">
      <t>ト</t>
    </rPh>
    <rPh sb="398" eb="399">
      <t>ク</t>
    </rPh>
    <rPh sb="403" eb="405">
      <t>ヒツヨウ</t>
    </rPh>
    <rPh sb="420" eb="423">
      <t>ドウスイジュン</t>
    </rPh>
    <rPh sb="441" eb="443">
      <t>ジョジョ</t>
    </rPh>
    <rPh sb="454" eb="456">
      <t>ヨボウ</t>
    </rPh>
    <rPh sb="456" eb="458">
      <t>ホゼン</t>
    </rPh>
    <rPh sb="459" eb="460">
      <t>カンガ</t>
    </rPh>
    <rPh sb="461" eb="462">
      <t>カタ</t>
    </rPh>
    <rPh sb="463" eb="464">
      <t>モト</t>
    </rPh>
    <rPh sb="473" eb="475">
      <t>セツゾク</t>
    </rPh>
    <rPh sb="475" eb="476">
      <t>リツ</t>
    </rPh>
    <rPh sb="476" eb="478">
      <t>コウジョウ</t>
    </rPh>
    <rPh sb="502" eb="504">
      <t>オスイ</t>
    </rPh>
    <rPh sb="504" eb="506">
      <t>ショリ</t>
    </rPh>
    <rPh sb="507" eb="508">
      <t>オコナ</t>
    </rPh>
    <rPh sb="509" eb="511">
      <t>シセツ</t>
    </rPh>
    <rPh sb="512" eb="514">
      <t>ホユウ</t>
    </rPh>
    <rPh sb="550" eb="552">
      <t>キョクタン</t>
    </rPh>
    <phoneticPr fontId="4"/>
  </si>
  <si>
    <t>　本市の公共下水道は、令和６年度末における普及率が40％台にとどまっており、これからも新規整備が続いていきます。また、今後は施設の老朽化も徐々に進行していくことから、更新・修繕といった対応も同時に必要となってきます。このため、整備財源の確保には今まで以上に努めていかなければならず、補助金の有効活用はもとより、接続人口増加への取り組みや、極度な依存にならない範囲での企業債の活用、また、歳出面では、経費削減に努めた無駄のない予算執行など、バランスを持った事業運営が求められてきます。
　このような状況に対応するため、自らの経営状態や資産状況などを正確に把握し、これらを投資・財政関連の諸計画に的確に反映させ、経営健全化の取り組みを継続していく必要があります。</t>
    <rPh sb="11" eb="13">
      <t>レイワ</t>
    </rPh>
    <rPh sb="15" eb="16">
      <t>ド</t>
    </rPh>
    <rPh sb="183" eb="185">
      <t>キギョウ</t>
    </rPh>
    <rPh sb="284" eb="286">
      <t>トウシ</t>
    </rPh>
    <rPh sb="287" eb="289">
      <t>ザイセイ</t>
    </rPh>
    <rPh sb="289" eb="291">
      <t>カンレン</t>
    </rPh>
    <rPh sb="292" eb="293">
      <t>ショ</t>
    </rPh>
    <rPh sb="293" eb="295">
      <t>ケイカク</t>
    </rPh>
    <rPh sb="296" eb="298">
      <t>テキカク</t>
    </rPh>
    <rPh sb="299" eb="301">
      <t>ハンエイ</t>
    </rPh>
    <rPh sb="310" eb="311">
      <t>ト</t>
    </rPh>
    <rPh sb="312" eb="313">
      <t>ク</t>
    </rPh>
    <rPh sb="315" eb="317">
      <t>ケイゾ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quot;△&quot;#,##0"/>
    <numFmt numFmtId="177" formatCode="#,##0.00;&quot;△&quot;#,##0.00"/>
    <numFmt numFmtId="178" formatCode="#,##0.00;&quot;△&quot;#,##0.00;&quot;-&quot;"/>
    <numFmt numFmtId="179" formatCode="0.00_);[Red]\(0.00\)"/>
    <numFmt numFmtId="180" formatCode="&quot;R&quot;yy"/>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7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Fill="1" applyBorder="1" applyAlignment="1" applyProtection="1">
      <alignment horizontal="left" vertical="top" wrapText="1"/>
      <protection locked="0"/>
    </xf>
    <xf numFmtId="0" fontId="5" fillId="0" borderId="0" xfId="0" applyFont="1" applyFill="1" applyAlignment="1" applyProtection="1">
      <alignment horizontal="left" vertical="top" wrapText="1"/>
      <protection locked="0"/>
    </xf>
    <xf numFmtId="0" fontId="5" fillId="0" borderId="7" xfId="0" applyFont="1" applyFill="1" applyBorder="1" applyAlignment="1" applyProtection="1">
      <alignment horizontal="left" vertical="top" wrapText="1"/>
      <protection locked="0"/>
    </xf>
    <xf numFmtId="0" fontId="5" fillId="0" borderId="8" xfId="0" applyFont="1" applyFill="1" applyBorder="1" applyAlignment="1" applyProtection="1">
      <alignment horizontal="left" vertical="top" wrapText="1"/>
      <protection locked="0"/>
    </xf>
    <xf numFmtId="0" fontId="5" fillId="0" borderId="1" xfId="0" applyFont="1" applyFill="1" applyBorder="1" applyAlignment="1" applyProtection="1">
      <alignment horizontal="left" vertical="top" wrapText="1"/>
      <protection locked="0"/>
    </xf>
    <xf numFmtId="0" fontId="5" fillId="0" borderId="9" xfId="0" applyFont="1" applyFill="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F305-4E56-BE3A-545356AC57FF}"/>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4</c:v>
                </c:pt>
                <c:pt idx="1">
                  <c:v>0.15</c:v>
                </c:pt>
                <c:pt idx="2">
                  <c:v>0.12</c:v>
                </c:pt>
                <c:pt idx="3">
                  <c:v>0.18</c:v>
                </c:pt>
                <c:pt idx="4">
                  <c:v>0.16</c:v>
                </c:pt>
              </c:numCache>
            </c:numRef>
          </c:val>
          <c:smooth val="0"/>
          <c:extLst>
            <c:ext xmlns:c16="http://schemas.microsoft.com/office/drawing/2014/chart" uri="{C3380CC4-5D6E-409C-BE32-E72D297353CC}">
              <c16:uniqueId val="{00000001-F305-4E56-BE3A-545356AC57FF}"/>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R&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402E-4432-B62B-A85F63A5981E}"/>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46.3</c:v>
                </c:pt>
                <c:pt idx="1">
                  <c:v>58.14</c:v>
                </c:pt>
                <c:pt idx="2">
                  <c:v>58.55</c:v>
                </c:pt>
                <c:pt idx="3">
                  <c:v>59.45</c:v>
                </c:pt>
                <c:pt idx="4">
                  <c:v>60.92</c:v>
                </c:pt>
              </c:numCache>
            </c:numRef>
          </c:val>
          <c:smooth val="0"/>
          <c:extLst>
            <c:ext xmlns:c16="http://schemas.microsoft.com/office/drawing/2014/chart" uri="{C3380CC4-5D6E-409C-BE32-E72D297353CC}">
              <c16:uniqueId val="{00000001-402E-4432-B62B-A85F63A5981E}"/>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R&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X$6:$DB$6</c:f>
              <c:numCache>
                <c:formatCode>#,##0.00;"△"#,##0.00;"-"</c:formatCode>
                <c:ptCount val="5"/>
                <c:pt idx="0">
                  <c:v>82.09</c:v>
                </c:pt>
                <c:pt idx="1">
                  <c:v>83.1</c:v>
                </c:pt>
                <c:pt idx="2">
                  <c:v>83.04</c:v>
                </c:pt>
                <c:pt idx="3">
                  <c:v>82.32</c:v>
                </c:pt>
                <c:pt idx="4">
                  <c:v>82.37</c:v>
                </c:pt>
              </c:numCache>
            </c:numRef>
          </c:val>
          <c:extLst>
            <c:ext xmlns:c16="http://schemas.microsoft.com/office/drawing/2014/chart" uri="{C3380CC4-5D6E-409C-BE32-E72D297353CC}">
              <c16:uniqueId val="{00000000-271C-4127-9BFF-8E11D8F6B594}"/>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5.01</c:v>
                </c:pt>
                <c:pt idx="1">
                  <c:v>92.44</c:v>
                </c:pt>
                <c:pt idx="2">
                  <c:v>91.97</c:v>
                </c:pt>
                <c:pt idx="3">
                  <c:v>91.93</c:v>
                </c:pt>
                <c:pt idx="4">
                  <c:v>92.33</c:v>
                </c:pt>
              </c:numCache>
            </c:numRef>
          </c:val>
          <c:smooth val="0"/>
          <c:extLst>
            <c:ext xmlns:c16="http://schemas.microsoft.com/office/drawing/2014/chart" uri="{C3380CC4-5D6E-409C-BE32-E72D297353CC}">
              <c16:uniqueId val="{00000001-271C-4127-9BFF-8E11D8F6B594}"/>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R&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Y$6:$AC$6</c:f>
              <c:numCache>
                <c:formatCode>#,##0.00;"△"#,##0.00;"-"</c:formatCode>
                <c:ptCount val="5"/>
                <c:pt idx="0">
                  <c:v>102.95</c:v>
                </c:pt>
                <c:pt idx="1">
                  <c:v>103.47</c:v>
                </c:pt>
                <c:pt idx="2">
                  <c:v>104.17</c:v>
                </c:pt>
                <c:pt idx="3">
                  <c:v>105.83</c:v>
                </c:pt>
                <c:pt idx="4">
                  <c:v>105.16</c:v>
                </c:pt>
              </c:numCache>
            </c:numRef>
          </c:val>
          <c:extLst>
            <c:ext xmlns:c16="http://schemas.microsoft.com/office/drawing/2014/chart" uri="{C3380CC4-5D6E-409C-BE32-E72D297353CC}">
              <c16:uniqueId val="{00000000-B0A8-460F-AE63-5018D90D9DC5}"/>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6.75</c:v>
                </c:pt>
                <c:pt idx="1">
                  <c:v>103.57</c:v>
                </c:pt>
                <c:pt idx="2">
                  <c:v>102.34</c:v>
                </c:pt>
                <c:pt idx="3">
                  <c:v>104.17</c:v>
                </c:pt>
                <c:pt idx="4">
                  <c:v>103.27</c:v>
                </c:pt>
              </c:numCache>
            </c:numRef>
          </c:val>
          <c:smooth val="0"/>
          <c:extLst>
            <c:ext xmlns:c16="http://schemas.microsoft.com/office/drawing/2014/chart" uri="{C3380CC4-5D6E-409C-BE32-E72D297353CC}">
              <c16:uniqueId val="{00000001-B0A8-460F-AE63-5018D90D9DC5}"/>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R&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DI$6:$DM$6</c:f>
              <c:numCache>
                <c:formatCode>#,##0.00;"△"#,##0.00;"-"</c:formatCode>
                <c:ptCount val="5"/>
                <c:pt idx="0">
                  <c:v>37.159999999999997</c:v>
                </c:pt>
                <c:pt idx="1">
                  <c:v>38.67</c:v>
                </c:pt>
                <c:pt idx="2">
                  <c:v>39.619999999999997</c:v>
                </c:pt>
                <c:pt idx="3">
                  <c:v>41.06</c:v>
                </c:pt>
                <c:pt idx="4">
                  <c:v>42.03</c:v>
                </c:pt>
              </c:numCache>
            </c:numRef>
          </c:val>
          <c:extLst>
            <c:ext xmlns:c16="http://schemas.microsoft.com/office/drawing/2014/chart" uri="{C3380CC4-5D6E-409C-BE32-E72D297353CC}">
              <c16:uniqueId val="{00000000-F7C1-4F70-8025-CAA037F9A645}"/>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9.0399999999999991</c:v>
                </c:pt>
                <c:pt idx="1">
                  <c:v>23.14</c:v>
                </c:pt>
                <c:pt idx="2">
                  <c:v>23.95</c:v>
                </c:pt>
                <c:pt idx="3">
                  <c:v>25.32</c:v>
                </c:pt>
                <c:pt idx="4">
                  <c:v>25.69</c:v>
                </c:pt>
              </c:numCache>
            </c:numRef>
          </c:val>
          <c:smooth val="0"/>
          <c:extLst>
            <c:ext xmlns:c16="http://schemas.microsoft.com/office/drawing/2014/chart" uri="{C3380CC4-5D6E-409C-BE32-E72D297353CC}">
              <c16:uniqueId val="{00000001-F7C1-4F70-8025-CAA037F9A645}"/>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R&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DT$6:$DX$6</c:f>
              <c:numCache>
                <c:formatCode>#,##0.00;"△"#,##0.00</c:formatCode>
                <c:ptCount val="5"/>
                <c:pt idx="0">
                  <c:v>0</c:v>
                </c:pt>
                <c:pt idx="1">
                  <c:v>0</c:v>
                </c:pt>
                <c:pt idx="2">
                  <c:v>0</c:v>
                </c:pt>
                <c:pt idx="3" formatCode="#,##0.00;&quot;△&quot;#,##0.00;&quot;-&quot;">
                  <c:v>0.49</c:v>
                </c:pt>
                <c:pt idx="4" formatCode="#,##0.00;&quot;△&quot;#,##0.00;&quot;-&quot;">
                  <c:v>7.39</c:v>
                </c:pt>
              </c:numCache>
            </c:numRef>
          </c:val>
          <c:extLst>
            <c:ext xmlns:c16="http://schemas.microsoft.com/office/drawing/2014/chart" uri="{C3380CC4-5D6E-409C-BE32-E72D297353CC}">
              <c16:uniqueId val="{00000000-CA27-4EF8-AA7D-2DC614C0A290}"/>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formatCode="#,##0.00;&quot;△&quot;#,##0.00">
                  <c:v>0</c:v>
                </c:pt>
                <c:pt idx="1">
                  <c:v>0.55000000000000004</c:v>
                </c:pt>
                <c:pt idx="2">
                  <c:v>0.78</c:v>
                </c:pt>
                <c:pt idx="3">
                  <c:v>0.91</c:v>
                </c:pt>
                <c:pt idx="4">
                  <c:v>2.9</c:v>
                </c:pt>
              </c:numCache>
            </c:numRef>
          </c:val>
          <c:smooth val="0"/>
          <c:extLst>
            <c:ext xmlns:c16="http://schemas.microsoft.com/office/drawing/2014/chart" uri="{C3380CC4-5D6E-409C-BE32-E72D297353CC}">
              <c16:uniqueId val="{00000001-CA27-4EF8-AA7D-2DC614C0A290}"/>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R&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B611-4BF4-A13F-46593680CEED}"/>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7.23</c:v>
                </c:pt>
                <c:pt idx="1">
                  <c:v>21.3</c:v>
                </c:pt>
                <c:pt idx="2">
                  <c:v>39.799999999999997</c:v>
                </c:pt>
                <c:pt idx="3">
                  <c:v>20.04</c:v>
                </c:pt>
                <c:pt idx="4">
                  <c:v>20.28</c:v>
                </c:pt>
              </c:numCache>
            </c:numRef>
          </c:val>
          <c:smooth val="0"/>
          <c:extLst>
            <c:ext xmlns:c16="http://schemas.microsoft.com/office/drawing/2014/chart" uri="{C3380CC4-5D6E-409C-BE32-E72D297353CC}">
              <c16:uniqueId val="{00000001-B611-4BF4-A13F-46593680CEED}"/>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R&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AU$6:$AY$6</c:f>
              <c:numCache>
                <c:formatCode>#,##0.00;"△"#,##0.00;"-"</c:formatCode>
                <c:ptCount val="5"/>
                <c:pt idx="0">
                  <c:v>65.290000000000006</c:v>
                </c:pt>
                <c:pt idx="1">
                  <c:v>63.78</c:v>
                </c:pt>
                <c:pt idx="2">
                  <c:v>84.46</c:v>
                </c:pt>
                <c:pt idx="3">
                  <c:v>92.91</c:v>
                </c:pt>
                <c:pt idx="4">
                  <c:v>110.92</c:v>
                </c:pt>
              </c:numCache>
            </c:numRef>
          </c:val>
          <c:extLst>
            <c:ext xmlns:c16="http://schemas.microsoft.com/office/drawing/2014/chart" uri="{C3380CC4-5D6E-409C-BE32-E72D297353CC}">
              <c16:uniqueId val="{00000000-8DF7-4899-B399-EA05660406F4}"/>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38.76</c:v>
                </c:pt>
                <c:pt idx="1">
                  <c:v>57.92</c:v>
                </c:pt>
                <c:pt idx="2">
                  <c:v>63.17</c:v>
                </c:pt>
                <c:pt idx="3">
                  <c:v>69.150000000000006</c:v>
                </c:pt>
                <c:pt idx="4">
                  <c:v>74.84</c:v>
                </c:pt>
              </c:numCache>
            </c:numRef>
          </c:val>
          <c:smooth val="0"/>
          <c:extLst>
            <c:ext xmlns:c16="http://schemas.microsoft.com/office/drawing/2014/chart" uri="{C3380CC4-5D6E-409C-BE32-E72D297353CC}">
              <c16:uniqueId val="{00000001-8DF7-4899-B399-EA05660406F4}"/>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R&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BF$6:$BJ$6</c:f>
              <c:numCache>
                <c:formatCode>#,##0.00;"△"#,##0.00;"-"</c:formatCode>
                <c:ptCount val="5"/>
                <c:pt idx="0">
                  <c:v>2059.84</c:v>
                </c:pt>
                <c:pt idx="1">
                  <c:v>2006.88</c:v>
                </c:pt>
                <c:pt idx="2">
                  <c:v>2011.06</c:v>
                </c:pt>
                <c:pt idx="3">
                  <c:v>2006.27</c:v>
                </c:pt>
                <c:pt idx="4">
                  <c:v>2003.85</c:v>
                </c:pt>
              </c:numCache>
            </c:numRef>
          </c:val>
          <c:extLst>
            <c:ext xmlns:c16="http://schemas.microsoft.com/office/drawing/2014/chart" uri="{C3380CC4-5D6E-409C-BE32-E72D297353CC}">
              <c16:uniqueId val="{00000000-6675-4C4C-9853-2DB4F0D598AF}"/>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303.55</c:v>
                </c:pt>
                <c:pt idx="1">
                  <c:v>799.49</c:v>
                </c:pt>
                <c:pt idx="2">
                  <c:v>863.92</c:v>
                </c:pt>
                <c:pt idx="3">
                  <c:v>793.41</c:v>
                </c:pt>
                <c:pt idx="4">
                  <c:v>693.82</c:v>
                </c:pt>
              </c:numCache>
            </c:numRef>
          </c:val>
          <c:smooth val="0"/>
          <c:extLst>
            <c:ext xmlns:c16="http://schemas.microsoft.com/office/drawing/2014/chart" uri="{C3380CC4-5D6E-409C-BE32-E72D297353CC}">
              <c16:uniqueId val="{00000001-6675-4C4C-9853-2DB4F0D598AF}"/>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R&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BQ$6:$BU$6</c:f>
              <c:numCache>
                <c:formatCode>#,##0.00;"△"#,##0.00;"-"</c:formatCode>
                <c:ptCount val="5"/>
                <c:pt idx="0">
                  <c:v>53.96</c:v>
                </c:pt>
                <c:pt idx="1">
                  <c:v>53.97</c:v>
                </c:pt>
                <c:pt idx="2">
                  <c:v>54.96</c:v>
                </c:pt>
                <c:pt idx="3">
                  <c:v>54.04</c:v>
                </c:pt>
                <c:pt idx="4">
                  <c:v>54.75</c:v>
                </c:pt>
              </c:numCache>
            </c:numRef>
          </c:val>
          <c:extLst>
            <c:ext xmlns:c16="http://schemas.microsoft.com/office/drawing/2014/chart" uri="{C3380CC4-5D6E-409C-BE32-E72D297353CC}">
              <c16:uniqueId val="{00000000-9AFD-4F4D-B010-50BAE9EC396C}"/>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8.510000000000005</c:v>
                </c:pt>
                <c:pt idx="1">
                  <c:v>89.09</c:v>
                </c:pt>
                <c:pt idx="2">
                  <c:v>87.28</c:v>
                </c:pt>
                <c:pt idx="3">
                  <c:v>84.86</c:v>
                </c:pt>
                <c:pt idx="4">
                  <c:v>85.44</c:v>
                </c:pt>
              </c:numCache>
            </c:numRef>
          </c:val>
          <c:smooth val="0"/>
          <c:extLst>
            <c:ext xmlns:c16="http://schemas.microsoft.com/office/drawing/2014/chart" uri="{C3380CC4-5D6E-409C-BE32-E72D297353CC}">
              <c16:uniqueId val="{00000001-9AFD-4F4D-B010-50BAE9EC396C}"/>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R&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B$6:$CF$6</c:f>
              <c:numCache>
                <c:formatCode>#,##0.00;"△"#,##0.00;"-"</c:formatCode>
                <c:ptCount val="5"/>
                <c:pt idx="0">
                  <c:v>150</c:v>
                </c:pt>
                <c:pt idx="1">
                  <c:v>150</c:v>
                </c:pt>
                <c:pt idx="2">
                  <c:v>150</c:v>
                </c:pt>
                <c:pt idx="3">
                  <c:v>150</c:v>
                </c:pt>
                <c:pt idx="4">
                  <c:v>150</c:v>
                </c:pt>
              </c:numCache>
            </c:numRef>
          </c:val>
          <c:extLst>
            <c:ext xmlns:c16="http://schemas.microsoft.com/office/drawing/2014/chart" uri="{C3380CC4-5D6E-409C-BE32-E72D297353CC}">
              <c16:uniqueId val="{00000000-1D25-4E9D-8624-60F312D2AE8C}"/>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60.44999999999999</c:v>
                </c:pt>
                <c:pt idx="1">
                  <c:v>142.76</c:v>
                </c:pt>
                <c:pt idx="2">
                  <c:v>145.58000000000001</c:v>
                </c:pt>
                <c:pt idx="3">
                  <c:v>147.69</c:v>
                </c:pt>
                <c:pt idx="4">
                  <c:v>151.87</c:v>
                </c:pt>
              </c:numCache>
            </c:numRef>
          </c:val>
          <c:smooth val="0"/>
          <c:extLst>
            <c:ext xmlns:c16="http://schemas.microsoft.com/office/drawing/2014/chart" uri="{C3380CC4-5D6E-409C-BE32-E72D297353CC}">
              <c16:uniqueId val="{00000001-1D25-4E9D-8624-60F312D2AE8C}"/>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R&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419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3281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8214361"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21005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419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3281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82143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21005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419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56235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08051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3873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3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72735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11597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2.75】</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50459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5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50459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6.0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11597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1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72735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40.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3873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9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423663"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2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9622386"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46】</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4786863"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19】</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85"/>
  <sheetViews>
    <sheetView showGridLines="0" tabSelected="1" zoomScaleNormal="100" workbookViewId="0">
      <selection activeCell="B2" sqref="B2:BZ4"/>
    </sheetView>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66" t="s">
        <v>0</v>
      </c>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c r="AS2" s="66"/>
      <c r="AT2" s="66"/>
      <c r="AU2" s="66"/>
      <c r="AV2" s="66"/>
      <c r="AW2" s="66"/>
      <c r="AX2" s="66"/>
      <c r="AY2" s="66"/>
      <c r="AZ2" s="66"/>
      <c r="BA2" s="66"/>
      <c r="BB2" s="66"/>
      <c r="BC2" s="66"/>
      <c r="BD2" s="66"/>
      <c r="BE2" s="66"/>
      <c r="BF2" s="66"/>
      <c r="BG2" s="66"/>
      <c r="BH2" s="66"/>
      <c r="BI2" s="66"/>
      <c r="BJ2" s="66"/>
      <c r="BK2" s="66"/>
      <c r="BL2" s="66"/>
      <c r="BM2" s="66"/>
      <c r="BN2" s="66"/>
      <c r="BO2" s="66"/>
      <c r="BP2" s="66"/>
      <c r="BQ2" s="66"/>
      <c r="BR2" s="66"/>
      <c r="BS2" s="66"/>
      <c r="BT2" s="66"/>
      <c r="BU2" s="66"/>
      <c r="BV2" s="66"/>
      <c r="BW2" s="66"/>
      <c r="BX2" s="66"/>
      <c r="BY2" s="66"/>
      <c r="BZ2" s="66"/>
    </row>
    <row r="3" spans="1:78" ht="9.75" customHeight="1" x14ac:dyDescent="0.15">
      <c r="A3" s="2"/>
      <c r="B3" s="66"/>
      <c r="C3" s="66"/>
      <c r="D3" s="66"/>
      <c r="E3" s="66"/>
      <c r="F3" s="66"/>
      <c r="G3" s="66"/>
      <c r="H3" s="66"/>
      <c r="I3" s="66"/>
      <c r="J3" s="66"/>
      <c r="K3" s="66"/>
      <c r="L3" s="66"/>
      <c r="M3" s="66"/>
      <c r="N3" s="66"/>
      <c r="O3" s="66"/>
      <c r="P3" s="66"/>
      <c r="Q3" s="66"/>
      <c r="R3" s="66"/>
      <c r="S3" s="66"/>
      <c r="T3" s="66"/>
      <c r="U3" s="66"/>
      <c r="V3" s="66"/>
      <c r="W3" s="66"/>
      <c r="X3" s="66"/>
      <c r="Y3" s="66"/>
      <c r="Z3" s="66"/>
      <c r="AA3" s="66"/>
      <c r="AB3" s="66"/>
      <c r="AC3" s="66"/>
      <c r="AD3" s="66"/>
      <c r="AE3" s="66"/>
      <c r="AF3" s="66"/>
      <c r="AG3" s="66"/>
      <c r="AH3" s="66"/>
      <c r="AI3" s="66"/>
      <c r="AJ3" s="66"/>
      <c r="AK3" s="66"/>
      <c r="AL3" s="66"/>
      <c r="AM3" s="66"/>
      <c r="AN3" s="66"/>
      <c r="AO3" s="66"/>
      <c r="AP3" s="66"/>
      <c r="AQ3" s="66"/>
      <c r="AR3" s="66"/>
      <c r="AS3" s="66"/>
      <c r="AT3" s="66"/>
      <c r="AU3" s="66"/>
      <c r="AV3" s="66"/>
      <c r="AW3" s="66"/>
      <c r="AX3" s="66"/>
      <c r="AY3" s="66"/>
      <c r="AZ3" s="66"/>
      <c r="BA3" s="66"/>
      <c r="BB3" s="66"/>
      <c r="BC3" s="66"/>
      <c r="BD3" s="66"/>
      <c r="BE3" s="66"/>
      <c r="BF3" s="66"/>
      <c r="BG3" s="66"/>
      <c r="BH3" s="66"/>
      <c r="BI3" s="66"/>
      <c r="BJ3" s="66"/>
      <c r="BK3" s="66"/>
      <c r="BL3" s="66"/>
      <c r="BM3" s="66"/>
      <c r="BN3" s="66"/>
      <c r="BO3" s="66"/>
      <c r="BP3" s="66"/>
      <c r="BQ3" s="66"/>
      <c r="BR3" s="66"/>
      <c r="BS3" s="66"/>
      <c r="BT3" s="66"/>
      <c r="BU3" s="66"/>
      <c r="BV3" s="66"/>
      <c r="BW3" s="66"/>
      <c r="BX3" s="66"/>
      <c r="BY3" s="66"/>
      <c r="BZ3" s="66"/>
    </row>
    <row r="4" spans="1:78" ht="9.75" customHeight="1" x14ac:dyDescent="0.15">
      <c r="A4" s="2"/>
      <c r="B4" s="66"/>
      <c r="C4" s="66"/>
      <c r="D4" s="66"/>
      <c r="E4" s="66"/>
      <c r="F4" s="66"/>
      <c r="G4" s="66"/>
      <c r="H4" s="66"/>
      <c r="I4" s="66"/>
      <c r="J4" s="66"/>
      <c r="K4" s="66"/>
      <c r="L4" s="66"/>
      <c r="M4" s="66"/>
      <c r="N4" s="66"/>
      <c r="O4" s="66"/>
      <c r="P4" s="66"/>
      <c r="Q4" s="66"/>
      <c r="R4" s="66"/>
      <c r="S4" s="66"/>
      <c r="T4" s="66"/>
      <c r="U4" s="66"/>
      <c r="V4" s="66"/>
      <c r="W4" s="66"/>
      <c r="X4" s="66"/>
      <c r="Y4" s="66"/>
      <c r="Z4" s="66"/>
      <c r="AA4" s="66"/>
      <c r="AB4" s="66"/>
      <c r="AC4" s="66"/>
      <c r="AD4" s="66"/>
      <c r="AE4" s="66"/>
      <c r="AF4" s="66"/>
      <c r="AG4" s="66"/>
      <c r="AH4" s="66"/>
      <c r="AI4" s="66"/>
      <c r="AJ4" s="66"/>
      <c r="AK4" s="66"/>
      <c r="AL4" s="66"/>
      <c r="AM4" s="66"/>
      <c r="AN4" s="66"/>
      <c r="AO4" s="66"/>
      <c r="AP4" s="66"/>
      <c r="AQ4" s="66"/>
      <c r="AR4" s="66"/>
      <c r="AS4" s="66"/>
      <c r="AT4" s="66"/>
      <c r="AU4" s="66"/>
      <c r="AV4" s="66"/>
      <c r="AW4" s="66"/>
      <c r="AX4" s="66"/>
      <c r="AY4" s="66"/>
      <c r="AZ4" s="66"/>
      <c r="BA4" s="66"/>
      <c r="BB4" s="66"/>
      <c r="BC4" s="66"/>
      <c r="BD4" s="66"/>
      <c r="BE4" s="66"/>
      <c r="BF4" s="66"/>
      <c r="BG4" s="66"/>
      <c r="BH4" s="66"/>
      <c r="BI4" s="66"/>
      <c r="BJ4" s="66"/>
      <c r="BK4" s="66"/>
      <c r="BL4" s="66"/>
      <c r="BM4" s="66"/>
      <c r="BN4" s="66"/>
      <c r="BO4" s="66"/>
      <c r="BP4" s="66"/>
      <c r="BQ4" s="66"/>
      <c r="BR4" s="66"/>
      <c r="BS4" s="66"/>
      <c r="BT4" s="66"/>
      <c r="BU4" s="66"/>
      <c r="BV4" s="66"/>
      <c r="BW4" s="66"/>
      <c r="BX4" s="66"/>
      <c r="BY4" s="66"/>
      <c r="BZ4" s="66"/>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67" t="str">
        <f>データ!H6</f>
        <v>埼玉県　幸手市</v>
      </c>
      <c r="C6" s="67"/>
      <c r="D6" s="67"/>
      <c r="E6" s="67"/>
      <c r="F6" s="67"/>
      <c r="G6" s="67"/>
      <c r="H6" s="67"/>
      <c r="I6" s="67"/>
      <c r="J6" s="67"/>
      <c r="K6" s="67"/>
      <c r="L6" s="67"/>
      <c r="M6" s="67"/>
      <c r="N6" s="67"/>
      <c r="O6" s="67"/>
      <c r="P6" s="67"/>
      <c r="Q6" s="67"/>
      <c r="R6" s="67"/>
      <c r="S6" s="67"/>
      <c r="T6" s="67"/>
      <c r="U6" s="67"/>
      <c r="V6" s="67"/>
      <c r="W6" s="67"/>
      <c r="X6" s="67"/>
      <c r="Y6" s="67"/>
      <c r="Z6" s="67"/>
      <c r="AA6" s="67"/>
      <c r="AB6" s="67"/>
      <c r="AC6" s="67"/>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50" t="s">
        <v>1</v>
      </c>
      <c r="C7" s="50"/>
      <c r="D7" s="50"/>
      <c r="E7" s="50"/>
      <c r="F7" s="50"/>
      <c r="G7" s="50"/>
      <c r="H7" s="50"/>
      <c r="I7" s="50" t="s">
        <v>2</v>
      </c>
      <c r="J7" s="50"/>
      <c r="K7" s="50"/>
      <c r="L7" s="50"/>
      <c r="M7" s="50"/>
      <c r="N7" s="50"/>
      <c r="O7" s="50"/>
      <c r="P7" s="50" t="s">
        <v>3</v>
      </c>
      <c r="Q7" s="50"/>
      <c r="R7" s="50"/>
      <c r="S7" s="50"/>
      <c r="T7" s="50"/>
      <c r="U7" s="50"/>
      <c r="V7" s="50"/>
      <c r="W7" s="50" t="s">
        <v>4</v>
      </c>
      <c r="X7" s="50"/>
      <c r="Y7" s="50"/>
      <c r="Z7" s="50"/>
      <c r="AA7" s="50"/>
      <c r="AB7" s="50"/>
      <c r="AC7" s="50"/>
      <c r="AD7" s="50" t="s">
        <v>5</v>
      </c>
      <c r="AE7" s="50"/>
      <c r="AF7" s="50"/>
      <c r="AG7" s="50"/>
      <c r="AH7" s="50"/>
      <c r="AI7" s="50"/>
      <c r="AJ7" s="50"/>
      <c r="AK7" s="3"/>
      <c r="AL7" s="50" t="s">
        <v>6</v>
      </c>
      <c r="AM7" s="50"/>
      <c r="AN7" s="50"/>
      <c r="AO7" s="50"/>
      <c r="AP7" s="50"/>
      <c r="AQ7" s="50"/>
      <c r="AR7" s="50"/>
      <c r="AS7" s="50"/>
      <c r="AT7" s="50" t="s">
        <v>7</v>
      </c>
      <c r="AU7" s="50"/>
      <c r="AV7" s="50"/>
      <c r="AW7" s="50"/>
      <c r="AX7" s="50"/>
      <c r="AY7" s="50"/>
      <c r="AZ7" s="50"/>
      <c r="BA7" s="50"/>
      <c r="BB7" s="50" t="s">
        <v>8</v>
      </c>
      <c r="BC7" s="50"/>
      <c r="BD7" s="50"/>
      <c r="BE7" s="50"/>
      <c r="BF7" s="50"/>
      <c r="BG7" s="50"/>
      <c r="BH7" s="50"/>
      <c r="BI7" s="50"/>
      <c r="BJ7" s="3"/>
      <c r="BK7" s="3"/>
      <c r="BL7" s="68" t="s">
        <v>9</v>
      </c>
      <c r="BM7" s="69"/>
      <c r="BN7" s="69"/>
      <c r="BO7" s="69"/>
      <c r="BP7" s="69"/>
      <c r="BQ7" s="69"/>
      <c r="BR7" s="69"/>
      <c r="BS7" s="69"/>
      <c r="BT7" s="69"/>
      <c r="BU7" s="69"/>
      <c r="BV7" s="69"/>
      <c r="BW7" s="69"/>
      <c r="BX7" s="69"/>
      <c r="BY7" s="70"/>
    </row>
    <row r="8" spans="1:78" ht="18.75" customHeight="1" x14ac:dyDescent="0.15">
      <c r="A8" s="2"/>
      <c r="B8" s="64" t="str">
        <f>データ!I6</f>
        <v>法適用</v>
      </c>
      <c r="C8" s="64"/>
      <c r="D8" s="64"/>
      <c r="E8" s="64"/>
      <c r="F8" s="64"/>
      <c r="G8" s="64"/>
      <c r="H8" s="64"/>
      <c r="I8" s="64" t="str">
        <f>データ!J6</f>
        <v>下水道事業</v>
      </c>
      <c r="J8" s="64"/>
      <c r="K8" s="64"/>
      <c r="L8" s="64"/>
      <c r="M8" s="64"/>
      <c r="N8" s="64"/>
      <c r="O8" s="64"/>
      <c r="P8" s="64" t="str">
        <f>データ!K6</f>
        <v>公共下水道</v>
      </c>
      <c r="Q8" s="64"/>
      <c r="R8" s="64"/>
      <c r="S8" s="64"/>
      <c r="T8" s="64"/>
      <c r="U8" s="64"/>
      <c r="V8" s="64"/>
      <c r="W8" s="64" t="str">
        <f>データ!L6</f>
        <v>Cb1</v>
      </c>
      <c r="X8" s="64"/>
      <c r="Y8" s="64"/>
      <c r="Z8" s="64"/>
      <c r="AA8" s="64"/>
      <c r="AB8" s="64"/>
      <c r="AC8" s="64"/>
      <c r="AD8" s="65" t="str">
        <f>データ!$M$6</f>
        <v>非設置</v>
      </c>
      <c r="AE8" s="65"/>
      <c r="AF8" s="65"/>
      <c r="AG8" s="65"/>
      <c r="AH8" s="65"/>
      <c r="AI8" s="65"/>
      <c r="AJ8" s="65"/>
      <c r="AK8" s="3"/>
      <c r="AL8" s="44">
        <f>データ!S6</f>
        <v>48801</v>
      </c>
      <c r="AM8" s="44"/>
      <c r="AN8" s="44"/>
      <c r="AO8" s="44"/>
      <c r="AP8" s="44"/>
      <c r="AQ8" s="44"/>
      <c r="AR8" s="44"/>
      <c r="AS8" s="44"/>
      <c r="AT8" s="45">
        <f>データ!T6</f>
        <v>33.93</v>
      </c>
      <c r="AU8" s="45"/>
      <c r="AV8" s="45"/>
      <c r="AW8" s="45"/>
      <c r="AX8" s="45"/>
      <c r="AY8" s="45"/>
      <c r="AZ8" s="45"/>
      <c r="BA8" s="45"/>
      <c r="BB8" s="45">
        <f>データ!U6</f>
        <v>1438.28</v>
      </c>
      <c r="BC8" s="45"/>
      <c r="BD8" s="45"/>
      <c r="BE8" s="45"/>
      <c r="BF8" s="45"/>
      <c r="BG8" s="45"/>
      <c r="BH8" s="45"/>
      <c r="BI8" s="45"/>
      <c r="BJ8" s="3"/>
      <c r="BK8" s="3"/>
      <c r="BL8" s="60" t="s">
        <v>10</v>
      </c>
      <c r="BM8" s="61"/>
      <c r="BN8" s="62" t="s">
        <v>11</v>
      </c>
      <c r="BO8" s="62"/>
      <c r="BP8" s="62"/>
      <c r="BQ8" s="62"/>
      <c r="BR8" s="62"/>
      <c r="BS8" s="62"/>
      <c r="BT8" s="62"/>
      <c r="BU8" s="62"/>
      <c r="BV8" s="62"/>
      <c r="BW8" s="62"/>
      <c r="BX8" s="62"/>
      <c r="BY8" s="63"/>
    </row>
    <row r="9" spans="1:78" ht="18.75" customHeight="1" x14ac:dyDescent="0.15">
      <c r="A9" s="2"/>
      <c r="B9" s="50" t="s">
        <v>12</v>
      </c>
      <c r="C9" s="50"/>
      <c r="D9" s="50"/>
      <c r="E9" s="50"/>
      <c r="F9" s="50"/>
      <c r="G9" s="50"/>
      <c r="H9" s="50"/>
      <c r="I9" s="50" t="s">
        <v>13</v>
      </c>
      <c r="J9" s="50"/>
      <c r="K9" s="50"/>
      <c r="L9" s="50"/>
      <c r="M9" s="50"/>
      <c r="N9" s="50"/>
      <c r="O9" s="50"/>
      <c r="P9" s="50" t="s">
        <v>14</v>
      </c>
      <c r="Q9" s="50"/>
      <c r="R9" s="50"/>
      <c r="S9" s="50"/>
      <c r="T9" s="50"/>
      <c r="U9" s="50"/>
      <c r="V9" s="50"/>
      <c r="W9" s="50" t="s">
        <v>15</v>
      </c>
      <c r="X9" s="50"/>
      <c r="Y9" s="50"/>
      <c r="Z9" s="50"/>
      <c r="AA9" s="50"/>
      <c r="AB9" s="50"/>
      <c r="AC9" s="50"/>
      <c r="AD9" s="50" t="s">
        <v>16</v>
      </c>
      <c r="AE9" s="50"/>
      <c r="AF9" s="50"/>
      <c r="AG9" s="50"/>
      <c r="AH9" s="50"/>
      <c r="AI9" s="50"/>
      <c r="AJ9" s="50"/>
      <c r="AK9" s="3"/>
      <c r="AL9" s="50" t="s">
        <v>17</v>
      </c>
      <c r="AM9" s="50"/>
      <c r="AN9" s="50"/>
      <c r="AO9" s="50"/>
      <c r="AP9" s="50"/>
      <c r="AQ9" s="50"/>
      <c r="AR9" s="50"/>
      <c r="AS9" s="50"/>
      <c r="AT9" s="50" t="s">
        <v>18</v>
      </c>
      <c r="AU9" s="50"/>
      <c r="AV9" s="50"/>
      <c r="AW9" s="50"/>
      <c r="AX9" s="50"/>
      <c r="AY9" s="50"/>
      <c r="AZ9" s="50"/>
      <c r="BA9" s="50"/>
      <c r="BB9" s="50" t="s">
        <v>19</v>
      </c>
      <c r="BC9" s="50"/>
      <c r="BD9" s="50"/>
      <c r="BE9" s="50"/>
      <c r="BF9" s="50"/>
      <c r="BG9" s="50"/>
      <c r="BH9" s="50"/>
      <c r="BI9" s="50"/>
      <c r="BJ9" s="3"/>
      <c r="BK9" s="3"/>
      <c r="BL9" s="51" t="s">
        <v>20</v>
      </c>
      <c r="BM9" s="52"/>
      <c r="BN9" s="53" t="s">
        <v>21</v>
      </c>
      <c r="BO9" s="53"/>
      <c r="BP9" s="53"/>
      <c r="BQ9" s="53"/>
      <c r="BR9" s="53"/>
      <c r="BS9" s="53"/>
      <c r="BT9" s="53"/>
      <c r="BU9" s="53"/>
      <c r="BV9" s="53"/>
      <c r="BW9" s="53"/>
      <c r="BX9" s="53"/>
      <c r="BY9" s="54"/>
    </row>
    <row r="10" spans="1:78" ht="18.75" customHeight="1" x14ac:dyDescent="0.15">
      <c r="A10" s="2"/>
      <c r="B10" s="45" t="str">
        <f>データ!N6</f>
        <v>-</v>
      </c>
      <c r="C10" s="45"/>
      <c r="D10" s="45"/>
      <c r="E10" s="45"/>
      <c r="F10" s="45"/>
      <c r="G10" s="45"/>
      <c r="H10" s="45"/>
      <c r="I10" s="45">
        <f>データ!O6</f>
        <v>73.11</v>
      </c>
      <c r="J10" s="45"/>
      <c r="K10" s="45"/>
      <c r="L10" s="45"/>
      <c r="M10" s="45"/>
      <c r="N10" s="45"/>
      <c r="O10" s="45"/>
      <c r="P10" s="45">
        <f>データ!P6</f>
        <v>46.31</v>
      </c>
      <c r="Q10" s="45"/>
      <c r="R10" s="45"/>
      <c r="S10" s="45"/>
      <c r="T10" s="45"/>
      <c r="U10" s="45"/>
      <c r="V10" s="45"/>
      <c r="W10" s="45">
        <f>データ!Q6</f>
        <v>71.64</v>
      </c>
      <c r="X10" s="45"/>
      <c r="Y10" s="45"/>
      <c r="Z10" s="45"/>
      <c r="AA10" s="45"/>
      <c r="AB10" s="45"/>
      <c r="AC10" s="45"/>
      <c r="AD10" s="44">
        <f>データ!R6</f>
        <v>1595</v>
      </c>
      <c r="AE10" s="44"/>
      <c r="AF10" s="44"/>
      <c r="AG10" s="44"/>
      <c r="AH10" s="44"/>
      <c r="AI10" s="44"/>
      <c r="AJ10" s="44"/>
      <c r="AK10" s="2"/>
      <c r="AL10" s="44">
        <f>データ!V6</f>
        <v>22521</v>
      </c>
      <c r="AM10" s="44"/>
      <c r="AN10" s="44"/>
      <c r="AO10" s="44"/>
      <c r="AP10" s="44"/>
      <c r="AQ10" s="44"/>
      <c r="AR10" s="44"/>
      <c r="AS10" s="44"/>
      <c r="AT10" s="45">
        <f>データ!W6</f>
        <v>3.97</v>
      </c>
      <c r="AU10" s="45"/>
      <c r="AV10" s="45"/>
      <c r="AW10" s="45"/>
      <c r="AX10" s="45"/>
      <c r="AY10" s="45"/>
      <c r="AZ10" s="45"/>
      <c r="BA10" s="45"/>
      <c r="BB10" s="45">
        <f>データ!X6</f>
        <v>5672.8</v>
      </c>
      <c r="BC10" s="45"/>
      <c r="BD10" s="45"/>
      <c r="BE10" s="45"/>
      <c r="BF10" s="45"/>
      <c r="BG10" s="45"/>
      <c r="BH10" s="45"/>
      <c r="BI10" s="45"/>
      <c r="BJ10" s="2"/>
      <c r="BK10" s="2"/>
      <c r="BL10" s="46" t="s">
        <v>22</v>
      </c>
      <c r="BM10" s="47"/>
      <c r="BN10" s="48" t="s">
        <v>23</v>
      </c>
      <c r="BO10" s="48"/>
      <c r="BP10" s="48"/>
      <c r="BQ10" s="48"/>
      <c r="BR10" s="48"/>
      <c r="BS10" s="48"/>
      <c r="BT10" s="48"/>
      <c r="BU10" s="48"/>
      <c r="BV10" s="48"/>
      <c r="BW10" s="48"/>
      <c r="BX10" s="48"/>
      <c r="BY10" s="49"/>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5" t="s">
        <v>24</v>
      </c>
      <c r="BM11" s="55"/>
      <c r="BN11" s="55"/>
      <c r="BO11" s="55"/>
      <c r="BP11" s="55"/>
      <c r="BQ11" s="55"/>
      <c r="BR11" s="55"/>
      <c r="BS11" s="55"/>
      <c r="BT11" s="55"/>
      <c r="BU11" s="55"/>
      <c r="BV11" s="55"/>
      <c r="BW11" s="55"/>
      <c r="BX11" s="55"/>
      <c r="BY11" s="55"/>
      <c r="BZ11" s="55"/>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5"/>
      <c r="BM12" s="55"/>
      <c r="BN12" s="55"/>
      <c r="BO12" s="55"/>
      <c r="BP12" s="55"/>
      <c r="BQ12" s="55"/>
      <c r="BR12" s="55"/>
      <c r="BS12" s="55"/>
      <c r="BT12" s="55"/>
      <c r="BU12" s="55"/>
      <c r="BV12" s="55"/>
      <c r="BW12" s="55"/>
      <c r="BX12" s="55"/>
      <c r="BY12" s="55"/>
      <c r="BZ12" s="55"/>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6"/>
      <c r="BM13" s="56"/>
      <c r="BN13" s="56"/>
      <c r="BO13" s="56"/>
      <c r="BP13" s="56"/>
      <c r="BQ13" s="56"/>
      <c r="BR13" s="56"/>
      <c r="BS13" s="56"/>
      <c r="BT13" s="56"/>
      <c r="BU13" s="56"/>
      <c r="BV13" s="56"/>
      <c r="BW13" s="56"/>
      <c r="BX13" s="56"/>
      <c r="BY13" s="56"/>
      <c r="BZ13" s="56"/>
    </row>
    <row r="14" spans="1:78" ht="13.5" customHeight="1" x14ac:dyDescent="0.15">
      <c r="A14" s="2"/>
      <c r="B14" s="57" t="s">
        <v>25</v>
      </c>
      <c r="C14" s="58"/>
      <c r="D14" s="58"/>
      <c r="E14" s="58"/>
      <c r="F14" s="58"/>
      <c r="G14" s="58"/>
      <c r="H14" s="58"/>
      <c r="I14" s="58"/>
      <c r="J14" s="58"/>
      <c r="K14" s="58"/>
      <c r="L14" s="58"/>
      <c r="M14" s="58"/>
      <c r="N14" s="58"/>
      <c r="O14" s="58"/>
      <c r="P14" s="58"/>
      <c r="Q14" s="58"/>
      <c r="R14" s="58"/>
      <c r="S14" s="58"/>
      <c r="T14" s="58"/>
      <c r="U14" s="58"/>
      <c r="V14" s="58"/>
      <c r="W14" s="58"/>
      <c r="X14" s="58"/>
      <c r="Y14" s="58"/>
      <c r="Z14" s="58"/>
      <c r="AA14" s="58"/>
      <c r="AB14" s="58"/>
      <c r="AC14" s="58"/>
      <c r="AD14" s="58"/>
      <c r="AE14" s="58"/>
      <c r="AF14" s="58"/>
      <c r="AG14" s="58"/>
      <c r="AH14" s="58"/>
      <c r="AI14" s="58"/>
      <c r="AJ14" s="58"/>
      <c r="AK14" s="58"/>
      <c r="AL14" s="58"/>
      <c r="AM14" s="58"/>
      <c r="AN14" s="58"/>
      <c r="AO14" s="58"/>
      <c r="AP14" s="58"/>
      <c r="AQ14" s="58"/>
      <c r="AR14" s="58"/>
      <c r="AS14" s="58"/>
      <c r="AT14" s="58"/>
      <c r="AU14" s="58"/>
      <c r="AV14" s="58"/>
      <c r="AW14" s="58"/>
      <c r="AX14" s="58"/>
      <c r="AY14" s="58"/>
      <c r="AZ14" s="58"/>
      <c r="BA14" s="58"/>
      <c r="BB14" s="58"/>
      <c r="BC14" s="58"/>
      <c r="BD14" s="58"/>
      <c r="BE14" s="58"/>
      <c r="BF14" s="58"/>
      <c r="BG14" s="58"/>
      <c r="BH14" s="58"/>
      <c r="BI14" s="58"/>
      <c r="BJ14" s="59"/>
      <c r="BK14" s="2"/>
      <c r="BL14" s="37" t="s">
        <v>26</v>
      </c>
      <c r="BM14" s="38"/>
      <c r="BN14" s="38"/>
      <c r="BO14" s="38"/>
      <c r="BP14" s="38"/>
      <c r="BQ14" s="38"/>
      <c r="BR14" s="38"/>
      <c r="BS14" s="38"/>
      <c r="BT14" s="38"/>
      <c r="BU14" s="38"/>
      <c r="BV14" s="38"/>
      <c r="BW14" s="38"/>
      <c r="BX14" s="38"/>
      <c r="BY14" s="38"/>
      <c r="BZ14" s="39"/>
    </row>
    <row r="15" spans="1:78" ht="13.5" customHeight="1" x14ac:dyDescent="0.15">
      <c r="A15" s="2"/>
      <c r="B15" s="34"/>
      <c r="C15" s="35"/>
      <c r="D15" s="35"/>
      <c r="E15" s="35"/>
      <c r="F15" s="35"/>
      <c r="G15" s="35"/>
      <c r="H15" s="35"/>
      <c r="I15" s="35"/>
      <c r="J15" s="35"/>
      <c r="K15" s="35"/>
      <c r="L15" s="35"/>
      <c r="M15" s="35"/>
      <c r="N15" s="35"/>
      <c r="O15" s="35"/>
      <c r="P15" s="35"/>
      <c r="Q15" s="35"/>
      <c r="R15" s="35"/>
      <c r="S15" s="35"/>
      <c r="T15" s="35"/>
      <c r="U15" s="35"/>
      <c r="V15" s="35"/>
      <c r="W15" s="35"/>
      <c r="X15" s="35"/>
      <c r="Y15" s="35"/>
      <c r="Z15" s="35"/>
      <c r="AA15" s="35"/>
      <c r="AB15" s="35"/>
      <c r="AC15" s="35"/>
      <c r="AD15" s="35"/>
      <c r="AE15" s="35"/>
      <c r="AF15" s="35"/>
      <c r="AG15" s="35"/>
      <c r="AH15" s="35"/>
      <c r="AI15" s="35"/>
      <c r="AJ15" s="35"/>
      <c r="AK15" s="35"/>
      <c r="AL15" s="35"/>
      <c r="AM15" s="35"/>
      <c r="AN15" s="35"/>
      <c r="AO15" s="35"/>
      <c r="AP15" s="35"/>
      <c r="AQ15" s="35"/>
      <c r="AR15" s="35"/>
      <c r="AS15" s="35"/>
      <c r="AT15" s="35"/>
      <c r="AU15" s="35"/>
      <c r="AV15" s="35"/>
      <c r="AW15" s="35"/>
      <c r="AX15" s="35"/>
      <c r="AY15" s="35"/>
      <c r="AZ15" s="35"/>
      <c r="BA15" s="35"/>
      <c r="BB15" s="35"/>
      <c r="BC15" s="35"/>
      <c r="BD15" s="35"/>
      <c r="BE15" s="35"/>
      <c r="BF15" s="35"/>
      <c r="BG15" s="35"/>
      <c r="BH15" s="35"/>
      <c r="BI15" s="35"/>
      <c r="BJ15" s="36"/>
      <c r="BK15" s="2"/>
      <c r="BL15" s="40"/>
      <c r="BM15" s="41"/>
      <c r="BN15" s="41"/>
      <c r="BO15" s="41"/>
      <c r="BP15" s="41"/>
      <c r="BQ15" s="41"/>
      <c r="BR15" s="41"/>
      <c r="BS15" s="41"/>
      <c r="BT15" s="41"/>
      <c r="BU15" s="41"/>
      <c r="BV15" s="41"/>
      <c r="BW15" s="41"/>
      <c r="BX15" s="41"/>
      <c r="BY15" s="41"/>
      <c r="BZ15" s="42"/>
    </row>
    <row r="16" spans="1:78" ht="13.5" customHeight="1" x14ac:dyDescent="0.15">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8" t="s">
        <v>114</v>
      </c>
      <c r="BM16" s="29"/>
      <c r="BN16" s="29"/>
      <c r="BO16" s="29"/>
      <c r="BP16" s="29"/>
      <c r="BQ16" s="29"/>
      <c r="BR16" s="29"/>
      <c r="BS16" s="29"/>
      <c r="BT16" s="29"/>
      <c r="BU16" s="29"/>
      <c r="BV16" s="29"/>
      <c r="BW16" s="29"/>
      <c r="BX16" s="29"/>
      <c r="BY16" s="29"/>
      <c r="BZ16" s="30"/>
    </row>
    <row r="17" spans="1:78" ht="13.5" customHeight="1" x14ac:dyDescent="0.15">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8"/>
      <c r="BM17" s="29"/>
      <c r="BN17" s="29"/>
      <c r="BO17" s="29"/>
      <c r="BP17" s="29"/>
      <c r="BQ17" s="29"/>
      <c r="BR17" s="29"/>
      <c r="BS17" s="29"/>
      <c r="BT17" s="29"/>
      <c r="BU17" s="29"/>
      <c r="BV17" s="29"/>
      <c r="BW17" s="29"/>
      <c r="BX17" s="29"/>
      <c r="BY17" s="29"/>
      <c r="BZ17" s="30"/>
    </row>
    <row r="18" spans="1:78" ht="13.5" customHeight="1" x14ac:dyDescent="0.15">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8"/>
      <c r="BM18" s="29"/>
      <c r="BN18" s="29"/>
      <c r="BO18" s="29"/>
      <c r="BP18" s="29"/>
      <c r="BQ18" s="29"/>
      <c r="BR18" s="29"/>
      <c r="BS18" s="29"/>
      <c r="BT18" s="29"/>
      <c r="BU18" s="29"/>
      <c r="BV18" s="29"/>
      <c r="BW18" s="29"/>
      <c r="BX18" s="29"/>
      <c r="BY18" s="29"/>
      <c r="BZ18" s="30"/>
    </row>
    <row r="19" spans="1:78" ht="13.5" customHeight="1" x14ac:dyDescent="0.15">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8"/>
      <c r="BM19" s="29"/>
      <c r="BN19" s="29"/>
      <c r="BO19" s="29"/>
      <c r="BP19" s="29"/>
      <c r="BQ19" s="29"/>
      <c r="BR19" s="29"/>
      <c r="BS19" s="29"/>
      <c r="BT19" s="29"/>
      <c r="BU19" s="29"/>
      <c r="BV19" s="29"/>
      <c r="BW19" s="29"/>
      <c r="BX19" s="29"/>
      <c r="BY19" s="29"/>
      <c r="BZ19" s="30"/>
    </row>
    <row r="20" spans="1:78" ht="13.5" customHeight="1" x14ac:dyDescent="0.15">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8"/>
      <c r="BM20" s="29"/>
      <c r="BN20" s="29"/>
      <c r="BO20" s="29"/>
      <c r="BP20" s="29"/>
      <c r="BQ20" s="29"/>
      <c r="BR20" s="29"/>
      <c r="BS20" s="29"/>
      <c r="BT20" s="29"/>
      <c r="BU20" s="29"/>
      <c r="BV20" s="29"/>
      <c r="BW20" s="29"/>
      <c r="BX20" s="29"/>
      <c r="BY20" s="29"/>
      <c r="BZ20" s="30"/>
    </row>
    <row r="21" spans="1:78" ht="13.5" customHeight="1" x14ac:dyDescent="0.15">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8"/>
      <c r="BM21" s="29"/>
      <c r="BN21" s="29"/>
      <c r="BO21" s="29"/>
      <c r="BP21" s="29"/>
      <c r="BQ21" s="29"/>
      <c r="BR21" s="29"/>
      <c r="BS21" s="29"/>
      <c r="BT21" s="29"/>
      <c r="BU21" s="29"/>
      <c r="BV21" s="29"/>
      <c r="BW21" s="29"/>
      <c r="BX21" s="29"/>
      <c r="BY21" s="29"/>
      <c r="BZ21" s="30"/>
    </row>
    <row r="22" spans="1:78" ht="13.5" customHeight="1" x14ac:dyDescent="0.15">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8"/>
      <c r="BM22" s="29"/>
      <c r="BN22" s="29"/>
      <c r="BO22" s="29"/>
      <c r="BP22" s="29"/>
      <c r="BQ22" s="29"/>
      <c r="BR22" s="29"/>
      <c r="BS22" s="29"/>
      <c r="BT22" s="29"/>
      <c r="BU22" s="29"/>
      <c r="BV22" s="29"/>
      <c r="BW22" s="29"/>
      <c r="BX22" s="29"/>
      <c r="BY22" s="29"/>
      <c r="BZ22" s="30"/>
    </row>
    <row r="23" spans="1:78" ht="13.5" customHeight="1" x14ac:dyDescent="0.15">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8"/>
      <c r="BM23" s="29"/>
      <c r="BN23" s="29"/>
      <c r="BO23" s="29"/>
      <c r="BP23" s="29"/>
      <c r="BQ23" s="29"/>
      <c r="BR23" s="29"/>
      <c r="BS23" s="29"/>
      <c r="BT23" s="29"/>
      <c r="BU23" s="29"/>
      <c r="BV23" s="29"/>
      <c r="BW23" s="29"/>
      <c r="BX23" s="29"/>
      <c r="BY23" s="29"/>
      <c r="BZ23" s="30"/>
    </row>
    <row r="24" spans="1:78" ht="13.5" customHeight="1" x14ac:dyDescent="0.15">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8"/>
      <c r="BM24" s="29"/>
      <c r="BN24" s="29"/>
      <c r="BO24" s="29"/>
      <c r="BP24" s="29"/>
      <c r="BQ24" s="29"/>
      <c r="BR24" s="29"/>
      <c r="BS24" s="29"/>
      <c r="BT24" s="29"/>
      <c r="BU24" s="29"/>
      <c r="BV24" s="29"/>
      <c r="BW24" s="29"/>
      <c r="BX24" s="29"/>
      <c r="BY24" s="29"/>
      <c r="BZ24" s="30"/>
    </row>
    <row r="25" spans="1:78" ht="13.5" customHeight="1" x14ac:dyDescent="0.15">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8"/>
      <c r="BM25" s="29"/>
      <c r="BN25" s="29"/>
      <c r="BO25" s="29"/>
      <c r="BP25" s="29"/>
      <c r="BQ25" s="29"/>
      <c r="BR25" s="29"/>
      <c r="BS25" s="29"/>
      <c r="BT25" s="29"/>
      <c r="BU25" s="29"/>
      <c r="BV25" s="29"/>
      <c r="BW25" s="29"/>
      <c r="BX25" s="29"/>
      <c r="BY25" s="29"/>
      <c r="BZ25" s="30"/>
    </row>
    <row r="26" spans="1:78" ht="13.5" customHeight="1" x14ac:dyDescent="0.15">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8"/>
      <c r="BM26" s="29"/>
      <c r="BN26" s="29"/>
      <c r="BO26" s="29"/>
      <c r="BP26" s="29"/>
      <c r="BQ26" s="29"/>
      <c r="BR26" s="29"/>
      <c r="BS26" s="29"/>
      <c r="BT26" s="29"/>
      <c r="BU26" s="29"/>
      <c r="BV26" s="29"/>
      <c r="BW26" s="29"/>
      <c r="BX26" s="29"/>
      <c r="BY26" s="29"/>
      <c r="BZ26" s="30"/>
    </row>
    <row r="27" spans="1:78" ht="13.5" customHeight="1" x14ac:dyDescent="0.15">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8"/>
      <c r="BM27" s="29"/>
      <c r="BN27" s="29"/>
      <c r="BO27" s="29"/>
      <c r="BP27" s="29"/>
      <c r="BQ27" s="29"/>
      <c r="BR27" s="29"/>
      <c r="BS27" s="29"/>
      <c r="BT27" s="29"/>
      <c r="BU27" s="29"/>
      <c r="BV27" s="29"/>
      <c r="BW27" s="29"/>
      <c r="BX27" s="29"/>
      <c r="BY27" s="29"/>
      <c r="BZ27" s="30"/>
    </row>
    <row r="28" spans="1:78" ht="13.5" customHeight="1" x14ac:dyDescent="0.15">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8"/>
      <c r="BM28" s="29"/>
      <c r="BN28" s="29"/>
      <c r="BO28" s="29"/>
      <c r="BP28" s="29"/>
      <c r="BQ28" s="29"/>
      <c r="BR28" s="29"/>
      <c r="BS28" s="29"/>
      <c r="BT28" s="29"/>
      <c r="BU28" s="29"/>
      <c r="BV28" s="29"/>
      <c r="BW28" s="29"/>
      <c r="BX28" s="29"/>
      <c r="BY28" s="29"/>
      <c r="BZ28" s="30"/>
    </row>
    <row r="29" spans="1:78" ht="13.5" customHeight="1" x14ac:dyDescent="0.15">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8"/>
      <c r="BM29" s="29"/>
      <c r="BN29" s="29"/>
      <c r="BO29" s="29"/>
      <c r="BP29" s="29"/>
      <c r="BQ29" s="29"/>
      <c r="BR29" s="29"/>
      <c r="BS29" s="29"/>
      <c r="BT29" s="29"/>
      <c r="BU29" s="29"/>
      <c r="BV29" s="29"/>
      <c r="BW29" s="29"/>
      <c r="BX29" s="29"/>
      <c r="BY29" s="29"/>
      <c r="BZ29" s="30"/>
    </row>
    <row r="30" spans="1:78" ht="13.5" customHeight="1" x14ac:dyDescent="0.15">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8"/>
      <c r="BM30" s="29"/>
      <c r="BN30" s="29"/>
      <c r="BO30" s="29"/>
      <c r="BP30" s="29"/>
      <c r="BQ30" s="29"/>
      <c r="BR30" s="29"/>
      <c r="BS30" s="29"/>
      <c r="BT30" s="29"/>
      <c r="BU30" s="29"/>
      <c r="BV30" s="29"/>
      <c r="BW30" s="29"/>
      <c r="BX30" s="29"/>
      <c r="BY30" s="29"/>
      <c r="BZ30" s="30"/>
    </row>
    <row r="31" spans="1:78" ht="13.5" customHeight="1" x14ac:dyDescent="0.15">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8"/>
      <c r="BM31" s="29"/>
      <c r="BN31" s="29"/>
      <c r="BO31" s="29"/>
      <c r="BP31" s="29"/>
      <c r="BQ31" s="29"/>
      <c r="BR31" s="29"/>
      <c r="BS31" s="29"/>
      <c r="BT31" s="29"/>
      <c r="BU31" s="29"/>
      <c r="BV31" s="29"/>
      <c r="BW31" s="29"/>
      <c r="BX31" s="29"/>
      <c r="BY31" s="29"/>
      <c r="BZ31" s="30"/>
    </row>
    <row r="32" spans="1:78" ht="13.5" customHeight="1" x14ac:dyDescent="0.15">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8"/>
      <c r="BM32" s="29"/>
      <c r="BN32" s="29"/>
      <c r="BO32" s="29"/>
      <c r="BP32" s="29"/>
      <c r="BQ32" s="29"/>
      <c r="BR32" s="29"/>
      <c r="BS32" s="29"/>
      <c r="BT32" s="29"/>
      <c r="BU32" s="29"/>
      <c r="BV32" s="29"/>
      <c r="BW32" s="29"/>
      <c r="BX32" s="29"/>
      <c r="BY32" s="29"/>
      <c r="BZ32" s="30"/>
    </row>
    <row r="33" spans="1:78" ht="13.5" customHeight="1" x14ac:dyDescent="0.15">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8"/>
      <c r="BM33" s="29"/>
      <c r="BN33" s="29"/>
      <c r="BO33" s="29"/>
      <c r="BP33" s="29"/>
      <c r="BQ33" s="29"/>
      <c r="BR33" s="29"/>
      <c r="BS33" s="29"/>
      <c r="BT33" s="29"/>
      <c r="BU33" s="29"/>
      <c r="BV33" s="29"/>
      <c r="BW33" s="29"/>
      <c r="BX33" s="29"/>
      <c r="BY33" s="29"/>
      <c r="BZ33" s="30"/>
    </row>
    <row r="34" spans="1:78" ht="13.5" customHeight="1" x14ac:dyDescent="0.15">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8"/>
      <c r="BM34" s="29"/>
      <c r="BN34" s="29"/>
      <c r="BO34" s="29"/>
      <c r="BP34" s="29"/>
      <c r="BQ34" s="29"/>
      <c r="BR34" s="29"/>
      <c r="BS34" s="29"/>
      <c r="BT34" s="29"/>
      <c r="BU34" s="29"/>
      <c r="BV34" s="29"/>
      <c r="BW34" s="29"/>
      <c r="BX34" s="29"/>
      <c r="BY34" s="29"/>
      <c r="BZ34" s="30"/>
    </row>
    <row r="35" spans="1:78" ht="13.5" customHeight="1" x14ac:dyDescent="0.15">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8"/>
      <c r="BM35" s="29"/>
      <c r="BN35" s="29"/>
      <c r="BO35" s="29"/>
      <c r="BP35" s="29"/>
      <c r="BQ35" s="29"/>
      <c r="BR35" s="29"/>
      <c r="BS35" s="29"/>
      <c r="BT35" s="29"/>
      <c r="BU35" s="29"/>
      <c r="BV35" s="29"/>
      <c r="BW35" s="29"/>
      <c r="BX35" s="29"/>
      <c r="BY35" s="29"/>
      <c r="BZ35" s="30"/>
    </row>
    <row r="36" spans="1:78" ht="13.5" customHeight="1" x14ac:dyDescent="0.15">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8"/>
      <c r="BM36" s="29"/>
      <c r="BN36" s="29"/>
      <c r="BO36" s="29"/>
      <c r="BP36" s="29"/>
      <c r="BQ36" s="29"/>
      <c r="BR36" s="29"/>
      <c r="BS36" s="29"/>
      <c r="BT36" s="29"/>
      <c r="BU36" s="29"/>
      <c r="BV36" s="29"/>
      <c r="BW36" s="29"/>
      <c r="BX36" s="29"/>
      <c r="BY36" s="29"/>
      <c r="BZ36" s="30"/>
    </row>
    <row r="37" spans="1:78" ht="13.5" customHeight="1" x14ac:dyDescent="0.15">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8"/>
      <c r="BM37" s="29"/>
      <c r="BN37" s="29"/>
      <c r="BO37" s="29"/>
      <c r="BP37" s="29"/>
      <c r="BQ37" s="29"/>
      <c r="BR37" s="29"/>
      <c r="BS37" s="29"/>
      <c r="BT37" s="29"/>
      <c r="BU37" s="29"/>
      <c r="BV37" s="29"/>
      <c r="BW37" s="29"/>
      <c r="BX37" s="29"/>
      <c r="BY37" s="29"/>
      <c r="BZ37" s="30"/>
    </row>
    <row r="38" spans="1:78" ht="13.5" customHeight="1" x14ac:dyDescent="0.15">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8"/>
      <c r="BM38" s="29"/>
      <c r="BN38" s="29"/>
      <c r="BO38" s="29"/>
      <c r="BP38" s="29"/>
      <c r="BQ38" s="29"/>
      <c r="BR38" s="29"/>
      <c r="BS38" s="29"/>
      <c r="BT38" s="29"/>
      <c r="BU38" s="29"/>
      <c r="BV38" s="29"/>
      <c r="BW38" s="29"/>
      <c r="BX38" s="29"/>
      <c r="BY38" s="29"/>
      <c r="BZ38" s="30"/>
    </row>
    <row r="39" spans="1:78" ht="13.5" customHeight="1" x14ac:dyDescent="0.15">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8"/>
      <c r="BM39" s="29"/>
      <c r="BN39" s="29"/>
      <c r="BO39" s="29"/>
      <c r="BP39" s="29"/>
      <c r="BQ39" s="29"/>
      <c r="BR39" s="29"/>
      <c r="BS39" s="29"/>
      <c r="BT39" s="29"/>
      <c r="BU39" s="29"/>
      <c r="BV39" s="29"/>
      <c r="BW39" s="29"/>
      <c r="BX39" s="29"/>
      <c r="BY39" s="29"/>
      <c r="BZ39" s="30"/>
    </row>
    <row r="40" spans="1:78" ht="13.5" customHeight="1" x14ac:dyDescent="0.15">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8"/>
      <c r="BM40" s="29"/>
      <c r="BN40" s="29"/>
      <c r="BO40" s="29"/>
      <c r="BP40" s="29"/>
      <c r="BQ40" s="29"/>
      <c r="BR40" s="29"/>
      <c r="BS40" s="29"/>
      <c r="BT40" s="29"/>
      <c r="BU40" s="29"/>
      <c r="BV40" s="29"/>
      <c r="BW40" s="29"/>
      <c r="BX40" s="29"/>
      <c r="BY40" s="29"/>
      <c r="BZ40" s="30"/>
    </row>
    <row r="41" spans="1:78" ht="13.5" customHeight="1" x14ac:dyDescent="0.15">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8"/>
      <c r="BM41" s="29"/>
      <c r="BN41" s="29"/>
      <c r="BO41" s="29"/>
      <c r="BP41" s="29"/>
      <c r="BQ41" s="29"/>
      <c r="BR41" s="29"/>
      <c r="BS41" s="29"/>
      <c r="BT41" s="29"/>
      <c r="BU41" s="29"/>
      <c r="BV41" s="29"/>
      <c r="BW41" s="29"/>
      <c r="BX41" s="29"/>
      <c r="BY41" s="29"/>
      <c r="BZ41" s="30"/>
    </row>
    <row r="42" spans="1:78" ht="13.5" customHeight="1" x14ac:dyDescent="0.15">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8"/>
      <c r="BM42" s="29"/>
      <c r="BN42" s="29"/>
      <c r="BO42" s="29"/>
      <c r="BP42" s="29"/>
      <c r="BQ42" s="29"/>
      <c r="BR42" s="29"/>
      <c r="BS42" s="29"/>
      <c r="BT42" s="29"/>
      <c r="BU42" s="29"/>
      <c r="BV42" s="29"/>
      <c r="BW42" s="29"/>
      <c r="BX42" s="29"/>
      <c r="BY42" s="29"/>
      <c r="BZ42" s="30"/>
    </row>
    <row r="43" spans="1:78" ht="13.5" customHeight="1" x14ac:dyDescent="0.15">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8"/>
      <c r="BM43" s="29"/>
      <c r="BN43" s="29"/>
      <c r="BO43" s="29"/>
      <c r="BP43" s="29"/>
      <c r="BQ43" s="29"/>
      <c r="BR43" s="29"/>
      <c r="BS43" s="29"/>
      <c r="BT43" s="29"/>
      <c r="BU43" s="29"/>
      <c r="BV43" s="29"/>
      <c r="BW43" s="29"/>
      <c r="BX43" s="29"/>
      <c r="BY43" s="29"/>
      <c r="BZ43" s="30"/>
    </row>
    <row r="44" spans="1:78" ht="13.5" customHeight="1" x14ac:dyDescent="0.15">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1"/>
      <c r="BM44" s="32"/>
      <c r="BN44" s="32"/>
      <c r="BO44" s="32"/>
      <c r="BP44" s="32"/>
      <c r="BQ44" s="32"/>
      <c r="BR44" s="32"/>
      <c r="BS44" s="32"/>
      <c r="BT44" s="32"/>
      <c r="BU44" s="32"/>
      <c r="BV44" s="32"/>
      <c r="BW44" s="32"/>
      <c r="BX44" s="32"/>
      <c r="BY44" s="32"/>
      <c r="BZ44" s="33"/>
    </row>
    <row r="45" spans="1:78" ht="13.5" customHeight="1" x14ac:dyDescent="0.15">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7" t="s">
        <v>27</v>
      </c>
      <c r="BM45" s="38"/>
      <c r="BN45" s="38"/>
      <c r="BO45" s="38"/>
      <c r="BP45" s="38"/>
      <c r="BQ45" s="38"/>
      <c r="BR45" s="38"/>
      <c r="BS45" s="38"/>
      <c r="BT45" s="38"/>
      <c r="BU45" s="38"/>
      <c r="BV45" s="38"/>
      <c r="BW45" s="38"/>
      <c r="BX45" s="38"/>
      <c r="BY45" s="38"/>
      <c r="BZ45" s="39"/>
    </row>
    <row r="46" spans="1:78" ht="13.5" customHeight="1" x14ac:dyDescent="0.15">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0"/>
      <c r="BM46" s="41"/>
      <c r="BN46" s="41"/>
      <c r="BO46" s="41"/>
      <c r="BP46" s="41"/>
      <c r="BQ46" s="41"/>
      <c r="BR46" s="41"/>
      <c r="BS46" s="41"/>
      <c r="BT46" s="41"/>
      <c r="BU46" s="41"/>
      <c r="BV46" s="41"/>
      <c r="BW46" s="41"/>
      <c r="BX46" s="41"/>
      <c r="BY46" s="41"/>
      <c r="BZ46" s="42"/>
    </row>
    <row r="47" spans="1:78" ht="13.5" customHeight="1" x14ac:dyDescent="0.15">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8" t="s">
        <v>113</v>
      </c>
      <c r="BM47" s="29"/>
      <c r="BN47" s="29"/>
      <c r="BO47" s="29"/>
      <c r="BP47" s="29"/>
      <c r="BQ47" s="29"/>
      <c r="BR47" s="29"/>
      <c r="BS47" s="29"/>
      <c r="BT47" s="29"/>
      <c r="BU47" s="29"/>
      <c r="BV47" s="29"/>
      <c r="BW47" s="29"/>
      <c r="BX47" s="29"/>
      <c r="BY47" s="29"/>
      <c r="BZ47" s="30"/>
    </row>
    <row r="48" spans="1:78" ht="13.5" customHeight="1" x14ac:dyDescent="0.15">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8"/>
      <c r="BM48" s="29"/>
      <c r="BN48" s="29"/>
      <c r="BO48" s="29"/>
      <c r="BP48" s="29"/>
      <c r="BQ48" s="29"/>
      <c r="BR48" s="29"/>
      <c r="BS48" s="29"/>
      <c r="BT48" s="29"/>
      <c r="BU48" s="29"/>
      <c r="BV48" s="29"/>
      <c r="BW48" s="29"/>
      <c r="BX48" s="29"/>
      <c r="BY48" s="29"/>
      <c r="BZ48" s="30"/>
    </row>
    <row r="49" spans="1:78" ht="13.5" customHeight="1" x14ac:dyDescent="0.15">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8"/>
      <c r="BM49" s="29"/>
      <c r="BN49" s="29"/>
      <c r="BO49" s="29"/>
      <c r="BP49" s="29"/>
      <c r="BQ49" s="29"/>
      <c r="BR49" s="29"/>
      <c r="BS49" s="29"/>
      <c r="BT49" s="29"/>
      <c r="BU49" s="29"/>
      <c r="BV49" s="29"/>
      <c r="BW49" s="29"/>
      <c r="BX49" s="29"/>
      <c r="BY49" s="29"/>
      <c r="BZ49" s="30"/>
    </row>
    <row r="50" spans="1:78" ht="13.5" customHeight="1" x14ac:dyDescent="0.15">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8"/>
      <c r="BM50" s="29"/>
      <c r="BN50" s="29"/>
      <c r="BO50" s="29"/>
      <c r="BP50" s="29"/>
      <c r="BQ50" s="29"/>
      <c r="BR50" s="29"/>
      <c r="BS50" s="29"/>
      <c r="BT50" s="29"/>
      <c r="BU50" s="29"/>
      <c r="BV50" s="29"/>
      <c r="BW50" s="29"/>
      <c r="BX50" s="29"/>
      <c r="BY50" s="29"/>
      <c r="BZ50" s="30"/>
    </row>
    <row r="51" spans="1:78" ht="13.5" customHeight="1" x14ac:dyDescent="0.15">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8"/>
      <c r="BM51" s="29"/>
      <c r="BN51" s="29"/>
      <c r="BO51" s="29"/>
      <c r="BP51" s="29"/>
      <c r="BQ51" s="29"/>
      <c r="BR51" s="29"/>
      <c r="BS51" s="29"/>
      <c r="BT51" s="29"/>
      <c r="BU51" s="29"/>
      <c r="BV51" s="29"/>
      <c r="BW51" s="29"/>
      <c r="BX51" s="29"/>
      <c r="BY51" s="29"/>
      <c r="BZ51" s="30"/>
    </row>
    <row r="52" spans="1:78" ht="13.5" customHeight="1" x14ac:dyDescent="0.15">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8"/>
      <c r="BM52" s="29"/>
      <c r="BN52" s="29"/>
      <c r="BO52" s="29"/>
      <c r="BP52" s="29"/>
      <c r="BQ52" s="29"/>
      <c r="BR52" s="29"/>
      <c r="BS52" s="29"/>
      <c r="BT52" s="29"/>
      <c r="BU52" s="29"/>
      <c r="BV52" s="29"/>
      <c r="BW52" s="29"/>
      <c r="BX52" s="29"/>
      <c r="BY52" s="29"/>
      <c r="BZ52" s="30"/>
    </row>
    <row r="53" spans="1:78" ht="13.5" customHeight="1" x14ac:dyDescent="0.15">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8"/>
      <c r="BM53" s="29"/>
      <c r="BN53" s="29"/>
      <c r="BO53" s="29"/>
      <c r="BP53" s="29"/>
      <c r="BQ53" s="29"/>
      <c r="BR53" s="29"/>
      <c r="BS53" s="29"/>
      <c r="BT53" s="29"/>
      <c r="BU53" s="29"/>
      <c r="BV53" s="29"/>
      <c r="BW53" s="29"/>
      <c r="BX53" s="29"/>
      <c r="BY53" s="29"/>
      <c r="BZ53" s="30"/>
    </row>
    <row r="54" spans="1:78" ht="13.5" customHeight="1" x14ac:dyDescent="0.15">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8"/>
      <c r="BM54" s="29"/>
      <c r="BN54" s="29"/>
      <c r="BO54" s="29"/>
      <c r="BP54" s="29"/>
      <c r="BQ54" s="29"/>
      <c r="BR54" s="29"/>
      <c r="BS54" s="29"/>
      <c r="BT54" s="29"/>
      <c r="BU54" s="29"/>
      <c r="BV54" s="29"/>
      <c r="BW54" s="29"/>
      <c r="BX54" s="29"/>
      <c r="BY54" s="29"/>
      <c r="BZ54" s="30"/>
    </row>
    <row r="55" spans="1:78" ht="13.5" customHeight="1" x14ac:dyDescent="0.15">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8"/>
      <c r="BM55" s="29"/>
      <c r="BN55" s="29"/>
      <c r="BO55" s="29"/>
      <c r="BP55" s="29"/>
      <c r="BQ55" s="29"/>
      <c r="BR55" s="29"/>
      <c r="BS55" s="29"/>
      <c r="BT55" s="29"/>
      <c r="BU55" s="29"/>
      <c r="BV55" s="29"/>
      <c r="BW55" s="29"/>
      <c r="BX55" s="29"/>
      <c r="BY55" s="29"/>
      <c r="BZ55" s="30"/>
    </row>
    <row r="56" spans="1:78" ht="13.5" customHeight="1" x14ac:dyDescent="0.15">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8"/>
      <c r="BM56" s="29"/>
      <c r="BN56" s="29"/>
      <c r="BO56" s="29"/>
      <c r="BP56" s="29"/>
      <c r="BQ56" s="29"/>
      <c r="BR56" s="29"/>
      <c r="BS56" s="29"/>
      <c r="BT56" s="29"/>
      <c r="BU56" s="29"/>
      <c r="BV56" s="29"/>
      <c r="BW56" s="29"/>
      <c r="BX56" s="29"/>
      <c r="BY56" s="29"/>
      <c r="BZ56" s="30"/>
    </row>
    <row r="57" spans="1:78" ht="13.5" customHeight="1" x14ac:dyDescent="0.15">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8"/>
      <c r="BM57" s="29"/>
      <c r="BN57" s="29"/>
      <c r="BO57" s="29"/>
      <c r="BP57" s="29"/>
      <c r="BQ57" s="29"/>
      <c r="BR57" s="29"/>
      <c r="BS57" s="29"/>
      <c r="BT57" s="29"/>
      <c r="BU57" s="29"/>
      <c r="BV57" s="29"/>
      <c r="BW57" s="29"/>
      <c r="BX57" s="29"/>
      <c r="BY57" s="29"/>
      <c r="BZ57" s="30"/>
    </row>
    <row r="58" spans="1:78" ht="13.5" customHeight="1" x14ac:dyDescent="0.15">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8"/>
      <c r="BM58" s="29"/>
      <c r="BN58" s="29"/>
      <c r="BO58" s="29"/>
      <c r="BP58" s="29"/>
      <c r="BQ58" s="29"/>
      <c r="BR58" s="29"/>
      <c r="BS58" s="29"/>
      <c r="BT58" s="29"/>
      <c r="BU58" s="29"/>
      <c r="BV58" s="29"/>
      <c r="BW58" s="29"/>
      <c r="BX58" s="29"/>
      <c r="BY58" s="29"/>
      <c r="BZ58" s="30"/>
    </row>
    <row r="59" spans="1:78" ht="13.5" customHeight="1" x14ac:dyDescent="0.15">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8"/>
      <c r="BM59" s="29"/>
      <c r="BN59" s="29"/>
      <c r="BO59" s="29"/>
      <c r="BP59" s="29"/>
      <c r="BQ59" s="29"/>
      <c r="BR59" s="29"/>
      <c r="BS59" s="29"/>
      <c r="BT59" s="29"/>
      <c r="BU59" s="29"/>
      <c r="BV59" s="29"/>
      <c r="BW59" s="29"/>
      <c r="BX59" s="29"/>
      <c r="BY59" s="29"/>
      <c r="BZ59" s="30"/>
    </row>
    <row r="60" spans="1:78" ht="13.5" customHeight="1" x14ac:dyDescent="0.15">
      <c r="A60" s="2"/>
      <c r="B60" s="34" t="s">
        <v>28</v>
      </c>
      <c r="C60" s="35"/>
      <c r="D60" s="35"/>
      <c r="E60" s="35"/>
      <c r="F60" s="35"/>
      <c r="G60" s="35"/>
      <c r="H60" s="35"/>
      <c r="I60" s="35"/>
      <c r="J60" s="35"/>
      <c r="K60" s="35"/>
      <c r="L60" s="35"/>
      <c r="M60" s="35"/>
      <c r="N60" s="35"/>
      <c r="O60" s="35"/>
      <c r="P60" s="35"/>
      <c r="Q60" s="35"/>
      <c r="R60" s="35"/>
      <c r="S60" s="35"/>
      <c r="T60" s="35"/>
      <c r="U60" s="35"/>
      <c r="V60" s="35"/>
      <c r="W60" s="35"/>
      <c r="X60" s="35"/>
      <c r="Y60" s="35"/>
      <c r="Z60" s="35"/>
      <c r="AA60" s="35"/>
      <c r="AB60" s="35"/>
      <c r="AC60" s="35"/>
      <c r="AD60" s="35"/>
      <c r="AE60" s="35"/>
      <c r="AF60" s="35"/>
      <c r="AG60" s="35"/>
      <c r="AH60" s="35"/>
      <c r="AI60" s="35"/>
      <c r="AJ60" s="35"/>
      <c r="AK60" s="35"/>
      <c r="AL60" s="35"/>
      <c r="AM60" s="35"/>
      <c r="AN60" s="35"/>
      <c r="AO60" s="35"/>
      <c r="AP60" s="35"/>
      <c r="AQ60" s="35"/>
      <c r="AR60" s="35"/>
      <c r="AS60" s="35"/>
      <c r="AT60" s="35"/>
      <c r="AU60" s="35"/>
      <c r="AV60" s="35"/>
      <c r="AW60" s="35"/>
      <c r="AX60" s="35"/>
      <c r="AY60" s="35"/>
      <c r="AZ60" s="35"/>
      <c r="BA60" s="35"/>
      <c r="BB60" s="35"/>
      <c r="BC60" s="35"/>
      <c r="BD60" s="35"/>
      <c r="BE60" s="35"/>
      <c r="BF60" s="35"/>
      <c r="BG60" s="35"/>
      <c r="BH60" s="35"/>
      <c r="BI60" s="35"/>
      <c r="BJ60" s="36"/>
      <c r="BK60" s="2"/>
      <c r="BL60" s="28"/>
      <c r="BM60" s="29"/>
      <c r="BN60" s="29"/>
      <c r="BO60" s="29"/>
      <c r="BP60" s="29"/>
      <c r="BQ60" s="29"/>
      <c r="BR60" s="29"/>
      <c r="BS60" s="29"/>
      <c r="BT60" s="29"/>
      <c r="BU60" s="29"/>
      <c r="BV60" s="29"/>
      <c r="BW60" s="29"/>
      <c r="BX60" s="29"/>
      <c r="BY60" s="29"/>
      <c r="BZ60" s="30"/>
    </row>
    <row r="61" spans="1:78" ht="13.5" customHeight="1" x14ac:dyDescent="0.15">
      <c r="A61" s="2"/>
      <c r="B61" s="34"/>
      <c r="C61" s="35"/>
      <c r="D61" s="35"/>
      <c r="E61" s="35"/>
      <c r="F61" s="35"/>
      <c r="G61" s="35"/>
      <c r="H61" s="35"/>
      <c r="I61" s="35"/>
      <c r="J61" s="35"/>
      <c r="K61" s="35"/>
      <c r="L61" s="35"/>
      <c r="M61" s="35"/>
      <c r="N61" s="35"/>
      <c r="O61" s="35"/>
      <c r="P61" s="35"/>
      <c r="Q61" s="35"/>
      <c r="R61" s="35"/>
      <c r="S61" s="35"/>
      <c r="T61" s="35"/>
      <c r="U61" s="35"/>
      <c r="V61" s="35"/>
      <c r="W61" s="35"/>
      <c r="X61" s="35"/>
      <c r="Y61" s="35"/>
      <c r="Z61" s="35"/>
      <c r="AA61" s="35"/>
      <c r="AB61" s="35"/>
      <c r="AC61" s="35"/>
      <c r="AD61" s="35"/>
      <c r="AE61" s="35"/>
      <c r="AF61" s="35"/>
      <c r="AG61" s="35"/>
      <c r="AH61" s="35"/>
      <c r="AI61" s="35"/>
      <c r="AJ61" s="35"/>
      <c r="AK61" s="35"/>
      <c r="AL61" s="35"/>
      <c r="AM61" s="35"/>
      <c r="AN61" s="35"/>
      <c r="AO61" s="35"/>
      <c r="AP61" s="35"/>
      <c r="AQ61" s="35"/>
      <c r="AR61" s="35"/>
      <c r="AS61" s="35"/>
      <c r="AT61" s="35"/>
      <c r="AU61" s="35"/>
      <c r="AV61" s="35"/>
      <c r="AW61" s="35"/>
      <c r="AX61" s="35"/>
      <c r="AY61" s="35"/>
      <c r="AZ61" s="35"/>
      <c r="BA61" s="35"/>
      <c r="BB61" s="35"/>
      <c r="BC61" s="35"/>
      <c r="BD61" s="35"/>
      <c r="BE61" s="35"/>
      <c r="BF61" s="35"/>
      <c r="BG61" s="35"/>
      <c r="BH61" s="35"/>
      <c r="BI61" s="35"/>
      <c r="BJ61" s="36"/>
      <c r="BK61" s="2"/>
      <c r="BL61" s="28"/>
      <c r="BM61" s="29"/>
      <c r="BN61" s="29"/>
      <c r="BO61" s="29"/>
      <c r="BP61" s="29"/>
      <c r="BQ61" s="29"/>
      <c r="BR61" s="29"/>
      <c r="BS61" s="29"/>
      <c r="BT61" s="29"/>
      <c r="BU61" s="29"/>
      <c r="BV61" s="29"/>
      <c r="BW61" s="29"/>
      <c r="BX61" s="29"/>
      <c r="BY61" s="29"/>
      <c r="BZ61" s="30"/>
    </row>
    <row r="62" spans="1:78" ht="13.5" customHeight="1" x14ac:dyDescent="0.15">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8"/>
      <c r="BM62" s="29"/>
      <c r="BN62" s="29"/>
      <c r="BO62" s="29"/>
      <c r="BP62" s="29"/>
      <c r="BQ62" s="29"/>
      <c r="BR62" s="29"/>
      <c r="BS62" s="29"/>
      <c r="BT62" s="29"/>
      <c r="BU62" s="29"/>
      <c r="BV62" s="29"/>
      <c r="BW62" s="29"/>
      <c r="BX62" s="29"/>
      <c r="BY62" s="29"/>
      <c r="BZ62" s="30"/>
    </row>
    <row r="63" spans="1:78" ht="13.5" customHeight="1" x14ac:dyDescent="0.15">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1"/>
      <c r="BM63" s="32"/>
      <c r="BN63" s="32"/>
      <c r="BO63" s="32"/>
      <c r="BP63" s="32"/>
      <c r="BQ63" s="32"/>
      <c r="BR63" s="32"/>
      <c r="BS63" s="32"/>
      <c r="BT63" s="32"/>
      <c r="BU63" s="32"/>
      <c r="BV63" s="32"/>
      <c r="BW63" s="32"/>
      <c r="BX63" s="32"/>
      <c r="BY63" s="32"/>
      <c r="BZ63" s="33"/>
    </row>
    <row r="64" spans="1:78" ht="13.5" customHeight="1" x14ac:dyDescent="0.15">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7" t="s">
        <v>29</v>
      </c>
      <c r="BM64" s="38"/>
      <c r="BN64" s="38"/>
      <c r="BO64" s="38"/>
      <c r="BP64" s="38"/>
      <c r="BQ64" s="38"/>
      <c r="BR64" s="38"/>
      <c r="BS64" s="38"/>
      <c r="BT64" s="38"/>
      <c r="BU64" s="38"/>
      <c r="BV64" s="38"/>
      <c r="BW64" s="38"/>
      <c r="BX64" s="38"/>
      <c r="BY64" s="38"/>
      <c r="BZ64" s="39"/>
    </row>
    <row r="65" spans="1:78" ht="13.5" customHeight="1" x14ac:dyDescent="0.15">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0"/>
      <c r="BM65" s="41"/>
      <c r="BN65" s="41"/>
      <c r="BO65" s="41"/>
      <c r="BP65" s="41"/>
      <c r="BQ65" s="41"/>
      <c r="BR65" s="41"/>
      <c r="BS65" s="41"/>
      <c r="BT65" s="41"/>
      <c r="BU65" s="41"/>
      <c r="BV65" s="41"/>
      <c r="BW65" s="41"/>
      <c r="BX65" s="41"/>
      <c r="BY65" s="41"/>
      <c r="BZ65" s="42"/>
    </row>
    <row r="66" spans="1:78" ht="13.5" customHeight="1" x14ac:dyDescent="0.15">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8" t="s">
        <v>115</v>
      </c>
      <c r="BM66" s="29"/>
      <c r="BN66" s="29"/>
      <c r="BO66" s="29"/>
      <c r="BP66" s="29"/>
      <c r="BQ66" s="29"/>
      <c r="BR66" s="29"/>
      <c r="BS66" s="29"/>
      <c r="BT66" s="29"/>
      <c r="BU66" s="29"/>
      <c r="BV66" s="29"/>
      <c r="BW66" s="29"/>
      <c r="BX66" s="29"/>
      <c r="BY66" s="29"/>
      <c r="BZ66" s="30"/>
    </row>
    <row r="67" spans="1:78" ht="13.5" customHeight="1" x14ac:dyDescent="0.15">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8"/>
      <c r="BM67" s="29"/>
      <c r="BN67" s="29"/>
      <c r="BO67" s="29"/>
      <c r="BP67" s="29"/>
      <c r="BQ67" s="29"/>
      <c r="BR67" s="29"/>
      <c r="BS67" s="29"/>
      <c r="BT67" s="29"/>
      <c r="BU67" s="29"/>
      <c r="BV67" s="29"/>
      <c r="BW67" s="29"/>
      <c r="BX67" s="29"/>
      <c r="BY67" s="29"/>
      <c r="BZ67" s="30"/>
    </row>
    <row r="68" spans="1:78" ht="13.5" customHeight="1" x14ac:dyDescent="0.15">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8"/>
      <c r="BM68" s="29"/>
      <c r="BN68" s="29"/>
      <c r="BO68" s="29"/>
      <c r="BP68" s="29"/>
      <c r="BQ68" s="29"/>
      <c r="BR68" s="29"/>
      <c r="BS68" s="29"/>
      <c r="BT68" s="29"/>
      <c r="BU68" s="29"/>
      <c r="BV68" s="29"/>
      <c r="BW68" s="29"/>
      <c r="BX68" s="29"/>
      <c r="BY68" s="29"/>
      <c r="BZ68" s="30"/>
    </row>
    <row r="69" spans="1:78" ht="13.5" customHeight="1" x14ac:dyDescent="0.15">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8"/>
      <c r="BM69" s="29"/>
      <c r="BN69" s="29"/>
      <c r="BO69" s="29"/>
      <c r="BP69" s="29"/>
      <c r="BQ69" s="29"/>
      <c r="BR69" s="29"/>
      <c r="BS69" s="29"/>
      <c r="BT69" s="29"/>
      <c r="BU69" s="29"/>
      <c r="BV69" s="29"/>
      <c r="BW69" s="29"/>
      <c r="BX69" s="29"/>
      <c r="BY69" s="29"/>
      <c r="BZ69" s="30"/>
    </row>
    <row r="70" spans="1:78" ht="13.5" customHeight="1" x14ac:dyDescent="0.15">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8"/>
      <c r="BM70" s="29"/>
      <c r="BN70" s="29"/>
      <c r="BO70" s="29"/>
      <c r="BP70" s="29"/>
      <c r="BQ70" s="29"/>
      <c r="BR70" s="29"/>
      <c r="BS70" s="29"/>
      <c r="BT70" s="29"/>
      <c r="BU70" s="29"/>
      <c r="BV70" s="29"/>
      <c r="BW70" s="29"/>
      <c r="BX70" s="29"/>
      <c r="BY70" s="29"/>
      <c r="BZ70" s="30"/>
    </row>
    <row r="71" spans="1:78" ht="13.5" customHeight="1" x14ac:dyDescent="0.15">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8"/>
      <c r="BM71" s="29"/>
      <c r="BN71" s="29"/>
      <c r="BO71" s="29"/>
      <c r="BP71" s="29"/>
      <c r="BQ71" s="29"/>
      <c r="BR71" s="29"/>
      <c r="BS71" s="29"/>
      <c r="BT71" s="29"/>
      <c r="BU71" s="29"/>
      <c r="BV71" s="29"/>
      <c r="BW71" s="29"/>
      <c r="BX71" s="29"/>
      <c r="BY71" s="29"/>
      <c r="BZ71" s="30"/>
    </row>
    <row r="72" spans="1:78" ht="13.5" customHeight="1" x14ac:dyDescent="0.15">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8"/>
      <c r="BM72" s="29"/>
      <c r="BN72" s="29"/>
      <c r="BO72" s="29"/>
      <c r="BP72" s="29"/>
      <c r="BQ72" s="29"/>
      <c r="BR72" s="29"/>
      <c r="BS72" s="29"/>
      <c r="BT72" s="29"/>
      <c r="BU72" s="29"/>
      <c r="BV72" s="29"/>
      <c r="BW72" s="29"/>
      <c r="BX72" s="29"/>
      <c r="BY72" s="29"/>
      <c r="BZ72" s="30"/>
    </row>
    <row r="73" spans="1:78" ht="13.5" customHeight="1" x14ac:dyDescent="0.15">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8"/>
      <c r="BM73" s="29"/>
      <c r="BN73" s="29"/>
      <c r="BO73" s="29"/>
      <c r="BP73" s="29"/>
      <c r="BQ73" s="29"/>
      <c r="BR73" s="29"/>
      <c r="BS73" s="29"/>
      <c r="BT73" s="29"/>
      <c r="BU73" s="29"/>
      <c r="BV73" s="29"/>
      <c r="BW73" s="29"/>
      <c r="BX73" s="29"/>
      <c r="BY73" s="29"/>
      <c r="BZ73" s="30"/>
    </row>
    <row r="74" spans="1:78" ht="13.5" customHeight="1" x14ac:dyDescent="0.15">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8"/>
      <c r="BM74" s="29"/>
      <c r="BN74" s="29"/>
      <c r="BO74" s="29"/>
      <c r="BP74" s="29"/>
      <c r="BQ74" s="29"/>
      <c r="BR74" s="29"/>
      <c r="BS74" s="29"/>
      <c r="BT74" s="29"/>
      <c r="BU74" s="29"/>
      <c r="BV74" s="29"/>
      <c r="BW74" s="29"/>
      <c r="BX74" s="29"/>
      <c r="BY74" s="29"/>
      <c r="BZ74" s="30"/>
    </row>
    <row r="75" spans="1:78" ht="13.5" customHeight="1" x14ac:dyDescent="0.15">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8"/>
      <c r="BM75" s="29"/>
      <c r="BN75" s="29"/>
      <c r="BO75" s="29"/>
      <c r="BP75" s="29"/>
      <c r="BQ75" s="29"/>
      <c r="BR75" s="29"/>
      <c r="BS75" s="29"/>
      <c r="BT75" s="29"/>
      <c r="BU75" s="29"/>
      <c r="BV75" s="29"/>
      <c r="BW75" s="29"/>
      <c r="BX75" s="29"/>
      <c r="BY75" s="29"/>
      <c r="BZ75" s="30"/>
    </row>
    <row r="76" spans="1:78" ht="13.5" customHeight="1" x14ac:dyDescent="0.15">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8"/>
      <c r="BM76" s="29"/>
      <c r="BN76" s="29"/>
      <c r="BO76" s="29"/>
      <c r="BP76" s="29"/>
      <c r="BQ76" s="29"/>
      <c r="BR76" s="29"/>
      <c r="BS76" s="29"/>
      <c r="BT76" s="29"/>
      <c r="BU76" s="29"/>
      <c r="BV76" s="29"/>
      <c r="BW76" s="29"/>
      <c r="BX76" s="29"/>
      <c r="BY76" s="29"/>
      <c r="BZ76" s="30"/>
    </row>
    <row r="77" spans="1:78" ht="13.5" customHeight="1" x14ac:dyDescent="0.15">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8"/>
      <c r="BM77" s="29"/>
      <c r="BN77" s="29"/>
      <c r="BO77" s="29"/>
      <c r="BP77" s="29"/>
      <c r="BQ77" s="29"/>
      <c r="BR77" s="29"/>
      <c r="BS77" s="29"/>
      <c r="BT77" s="29"/>
      <c r="BU77" s="29"/>
      <c r="BV77" s="29"/>
      <c r="BW77" s="29"/>
      <c r="BX77" s="29"/>
      <c r="BY77" s="29"/>
      <c r="BZ77" s="30"/>
    </row>
    <row r="78" spans="1:78" ht="13.5" customHeight="1" x14ac:dyDescent="0.15">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8"/>
      <c r="BM78" s="29"/>
      <c r="BN78" s="29"/>
      <c r="BO78" s="29"/>
      <c r="BP78" s="29"/>
      <c r="BQ78" s="29"/>
      <c r="BR78" s="29"/>
      <c r="BS78" s="29"/>
      <c r="BT78" s="29"/>
      <c r="BU78" s="29"/>
      <c r="BV78" s="29"/>
      <c r="BW78" s="29"/>
      <c r="BX78" s="29"/>
      <c r="BY78" s="29"/>
      <c r="BZ78" s="30"/>
    </row>
    <row r="79" spans="1:78" ht="13.5" customHeight="1" x14ac:dyDescent="0.15">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8"/>
      <c r="BM79" s="29"/>
      <c r="BN79" s="29"/>
      <c r="BO79" s="29"/>
      <c r="BP79" s="29"/>
      <c r="BQ79" s="29"/>
      <c r="BR79" s="29"/>
      <c r="BS79" s="29"/>
      <c r="BT79" s="29"/>
      <c r="BU79" s="29"/>
      <c r="BV79" s="29"/>
      <c r="BW79" s="29"/>
      <c r="BX79" s="29"/>
      <c r="BY79" s="29"/>
      <c r="BZ79" s="30"/>
    </row>
    <row r="80" spans="1:78" ht="13.5" customHeight="1" x14ac:dyDescent="0.15">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8"/>
      <c r="BM80" s="29"/>
      <c r="BN80" s="29"/>
      <c r="BO80" s="29"/>
      <c r="BP80" s="29"/>
      <c r="BQ80" s="29"/>
      <c r="BR80" s="29"/>
      <c r="BS80" s="29"/>
      <c r="BT80" s="29"/>
      <c r="BU80" s="29"/>
      <c r="BV80" s="29"/>
      <c r="BW80" s="29"/>
      <c r="BX80" s="29"/>
      <c r="BY80" s="29"/>
      <c r="BZ80" s="30"/>
    </row>
    <row r="81" spans="1:78" ht="13.5" customHeight="1" x14ac:dyDescent="0.15">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8"/>
      <c r="BM81" s="29"/>
      <c r="BN81" s="29"/>
      <c r="BO81" s="29"/>
      <c r="BP81" s="29"/>
      <c r="BQ81" s="29"/>
      <c r="BR81" s="29"/>
      <c r="BS81" s="29"/>
      <c r="BT81" s="29"/>
      <c r="BU81" s="29"/>
      <c r="BV81" s="29"/>
      <c r="BW81" s="29"/>
      <c r="BX81" s="29"/>
      <c r="BY81" s="29"/>
      <c r="BZ81" s="30"/>
    </row>
    <row r="82" spans="1:78" ht="13.5" customHeight="1" x14ac:dyDescent="0.15">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1"/>
      <c r="BM82" s="32"/>
      <c r="BN82" s="32"/>
      <c r="BO82" s="32"/>
      <c r="BP82" s="32"/>
      <c r="BQ82" s="32"/>
      <c r="BR82" s="32"/>
      <c r="BS82" s="32"/>
      <c r="BT82" s="32"/>
      <c r="BU82" s="32"/>
      <c r="BV82" s="32"/>
      <c r="BW82" s="32"/>
      <c r="BX82" s="32"/>
      <c r="BY82" s="32"/>
      <c r="BZ82" s="33"/>
    </row>
    <row r="83" spans="1:78" x14ac:dyDescent="0.15">
      <c r="C83" s="43" t="s">
        <v>30</v>
      </c>
      <c r="D83" s="43"/>
      <c r="E83" s="43"/>
      <c r="F83" s="43"/>
      <c r="G83" s="43"/>
      <c r="H83" s="43"/>
      <c r="I83" s="43"/>
      <c r="J83" s="43"/>
      <c r="K83" s="43"/>
      <c r="L83" s="43"/>
      <c r="M83" s="43"/>
      <c r="N83" s="43"/>
      <c r="O83" s="43"/>
      <c r="P83" s="43"/>
      <c r="Q83" s="43"/>
      <c r="R83" s="43"/>
      <c r="S83" s="43"/>
      <c r="T83" s="43"/>
      <c r="U83" s="43"/>
      <c r="V83" s="43"/>
      <c r="W83" s="43"/>
      <c r="X83" s="43"/>
      <c r="Y83" s="43"/>
      <c r="Z83" s="43"/>
      <c r="AA83" s="43"/>
      <c r="AB83" s="43"/>
      <c r="AC83" s="43"/>
      <c r="AD83" s="43"/>
      <c r="AE83" s="43"/>
      <c r="AF83" s="43"/>
      <c r="AG83" s="43"/>
      <c r="AH83" s="43"/>
      <c r="AI83" s="43"/>
      <c r="AJ83" s="43"/>
      <c r="AK83" s="43"/>
      <c r="AL83" s="43"/>
      <c r="AM83" s="43"/>
      <c r="AN83" s="43"/>
      <c r="AO83" s="43"/>
      <c r="AP83" s="43"/>
      <c r="AQ83" s="43"/>
      <c r="AR83" s="43"/>
      <c r="AS83" s="43"/>
      <c r="AT83" s="43"/>
      <c r="AU83" s="43"/>
      <c r="AV83" s="43"/>
      <c r="AW83" s="43"/>
      <c r="AX83" s="43"/>
      <c r="AY83" s="43"/>
      <c r="AZ83" s="43"/>
      <c r="BA83" s="43"/>
      <c r="BB83" s="43"/>
      <c r="BC83" s="43"/>
      <c r="BD83" s="43"/>
      <c r="BE83" s="43"/>
      <c r="BF83" s="43"/>
      <c r="BG83" s="43"/>
      <c r="BH83" s="43"/>
      <c r="BI83" s="43"/>
      <c r="BJ83" s="43"/>
    </row>
    <row r="84" spans="1:78" hidden="1" x14ac:dyDescent="0.15">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15">
      <c r="B85" s="12"/>
      <c r="C85" s="12"/>
      <c r="D85" s="12"/>
      <c r="E85" s="12" t="str">
        <f>データ!AI6</f>
        <v>【105.36】</v>
      </c>
      <c r="F85" s="12" t="str">
        <f>データ!AT6</f>
        <v>【3.12】</v>
      </c>
      <c r="G85" s="12" t="str">
        <f>データ!BE6</f>
        <v>【82.75】</v>
      </c>
      <c r="H85" s="12" t="str">
        <f>データ!BP6</f>
        <v>【602.56】</v>
      </c>
      <c r="I85" s="12" t="str">
        <f>データ!CA6</f>
        <v>【97.94】</v>
      </c>
      <c r="J85" s="12" t="str">
        <f>データ!CL6</f>
        <v>【140.98】</v>
      </c>
      <c r="K85" s="12" t="str">
        <f>データ!CW6</f>
        <v>【60.13】</v>
      </c>
      <c r="L85" s="12" t="str">
        <f>データ!DH6</f>
        <v>【96.00】</v>
      </c>
      <c r="M85" s="12" t="str">
        <f>データ!DS6</f>
        <v>【42.20】</v>
      </c>
      <c r="N85" s="12" t="str">
        <f>データ!ED6</f>
        <v>【9.46】</v>
      </c>
      <c r="O85" s="12" t="str">
        <f>データ!EO6</f>
        <v>【0.19】</v>
      </c>
    </row>
  </sheetData>
  <sheetProtection algorithmName="SHA-512" hashValue="cZhY+NHr1NsKzt9inH+WvlMZrjVT93cVnLw2DZkJ1f/R2HM1vp6uzBWLjBroh9ZPFQX3tUt+L2TOUdQSwknviw==" saltValue="h2QMC+SVKVeQ15MoqkLcDw=="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R13"/>
  <sheetViews>
    <sheetView showGridLines="0" workbookViewId="0"/>
  </sheetViews>
  <sheetFormatPr defaultRowHeight="13.5" x14ac:dyDescent="0.15"/>
  <cols>
    <col min="2" max="144" width="11.875" customWidth="1"/>
  </cols>
  <sheetData>
    <row r="1" spans="1:148" x14ac:dyDescent="0.15">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15">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15">
      <c r="A3" s="14" t="s">
        <v>45</v>
      </c>
      <c r="B3" s="15" t="s">
        <v>46</v>
      </c>
      <c r="C3" s="15" t="s">
        <v>47</v>
      </c>
      <c r="D3" s="15" t="s">
        <v>48</v>
      </c>
      <c r="E3" s="15" t="s">
        <v>49</v>
      </c>
      <c r="F3" s="15" t="s">
        <v>50</v>
      </c>
      <c r="G3" s="15" t="s">
        <v>51</v>
      </c>
      <c r="H3" s="72" t="s">
        <v>52</v>
      </c>
      <c r="I3" s="73"/>
      <c r="J3" s="73"/>
      <c r="K3" s="73"/>
      <c r="L3" s="73"/>
      <c r="M3" s="73"/>
      <c r="N3" s="73"/>
      <c r="O3" s="73"/>
      <c r="P3" s="73"/>
      <c r="Q3" s="73"/>
      <c r="R3" s="73"/>
      <c r="S3" s="73"/>
      <c r="T3" s="73"/>
      <c r="U3" s="73"/>
      <c r="V3" s="73"/>
      <c r="W3" s="73"/>
      <c r="X3" s="74"/>
      <c r="Y3" s="78" t="s">
        <v>53</v>
      </c>
      <c r="Z3" s="71"/>
      <c r="AA3" s="71"/>
      <c r="AB3" s="71"/>
      <c r="AC3" s="71"/>
      <c r="AD3" s="71"/>
      <c r="AE3" s="71"/>
      <c r="AF3" s="71"/>
      <c r="AG3" s="71"/>
      <c r="AH3" s="71"/>
      <c r="AI3" s="71"/>
      <c r="AJ3" s="71"/>
      <c r="AK3" s="71"/>
      <c r="AL3" s="71"/>
      <c r="AM3" s="71"/>
      <c r="AN3" s="71"/>
      <c r="AO3" s="71"/>
      <c r="AP3" s="71"/>
      <c r="AQ3" s="71"/>
      <c r="AR3" s="71"/>
      <c r="AS3" s="71"/>
      <c r="AT3" s="71"/>
      <c r="AU3" s="71"/>
      <c r="AV3" s="71"/>
      <c r="AW3" s="71"/>
      <c r="AX3" s="71"/>
      <c r="AY3" s="71"/>
      <c r="AZ3" s="71"/>
      <c r="BA3" s="71"/>
      <c r="BB3" s="71"/>
      <c r="BC3" s="71"/>
      <c r="BD3" s="71"/>
      <c r="BE3" s="71"/>
      <c r="BF3" s="71"/>
      <c r="BG3" s="71"/>
      <c r="BH3" s="71"/>
      <c r="BI3" s="71"/>
      <c r="BJ3" s="71"/>
      <c r="BK3" s="71"/>
      <c r="BL3" s="71"/>
      <c r="BM3" s="71"/>
      <c r="BN3" s="71"/>
      <c r="BO3" s="71"/>
      <c r="BP3" s="71"/>
      <c r="BQ3" s="71"/>
      <c r="BR3" s="71"/>
      <c r="BS3" s="71"/>
      <c r="BT3" s="71"/>
      <c r="BU3" s="71"/>
      <c r="BV3" s="71"/>
      <c r="BW3" s="71"/>
      <c r="BX3" s="71"/>
      <c r="BY3" s="71"/>
      <c r="BZ3" s="71"/>
      <c r="CA3" s="71"/>
      <c r="CB3" s="71"/>
      <c r="CC3" s="71"/>
      <c r="CD3" s="71"/>
      <c r="CE3" s="71"/>
      <c r="CF3" s="71"/>
      <c r="CG3" s="71"/>
      <c r="CH3" s="71"/>
      <c r="CI3" s="71"/>
      <c r="CJ3" s="71"/>
      <c r="CK3" s="71"/>
      <c r="CL3" s="71"/>
      <c r="CM3" s="71"/>
      <c r="CN3" s="71"/>
      <c r="CO3" s="71"/>
      <c r="CP3" s="71"/>
      <c r="CQ3" s="71"/>
      <c r="CR3" s="71"/>
      <c r="CS3" s="71"/>
      <c r="CT3" s="71"/>
      <c r="CU3" s="71"/>
      <c r="CV3" s="71"/>
      <c r="CW3" s="71"/>
      <c r="CX3" s="71"/>
      <c r="CY3" s="71"/>
      <c r="CZ3" s="71"/>
      <c r="DA3" s="71"/>
      <c r="DB3" s="71"/>
      <c r="DC3" s="71"/>
      <c r="DD3" s="71"/>
      <c r="DE3" s="71"/>
      <c r="DF3" s="71"/>
      <c r="DG3" s="71"/>
      <c r="DH3" s="71"/>
      <c r="DI3" s="71" t="s">
        <v>54</v>
      </c>
      <c r="DJ3" s="71"/>
      <c r="DK3" s="71"/>
      <c r="DL3" s="71"/>
      <c r="DM3" s="71"/>
      <c r="DN3" s="71"/>
      <c r="DO3" s="71"/>
      <c r="DP3" s="71"/>
      <c r="DQ3" s="71"/>
      <c r="DR3" s="71"/>
      <c r="DS3" s="71"/>
      <c r="DT3" s="71"/>
      <c r="DU3" s="71"/>
      <c r="DV3" s="71"/>
      <c r="DW3" s="71"/>
      <c r="DX3" s="71"/>
      <c r="DY3" s="71"/>
      <c r="DZ3" s="71"/>
      <c r="EA3" s="71"/>
      <c r="EB3" s="71"/>
      <c r="EC3" s="71"/>
      <c r="ED3" s="71"/>
      <c r="EE3" s="71"/>
      <c r="EF3" s="71"/>
      <c r="EG3" s="71"/>
      <c r="EH3" s="71"/>
      <c r="EI3" s="71"/>
      <c r="EJ3" s="71"/>
      <c r="EK3" s="71"/>
      <c r="EL3" s="71"/>
      <c r="EM3" s="71"/>
      <c r="EN3" s="71"/>
      <c r="EO3" s="71"/>
    </row>
    <row r="4" spans="1:148" x14ac:dyDescent="0.15">
      <c r="A4" s="14" t="s">
        <v>55</v>
      </c>
      <c r="B4" s="16"/>
      <c r="C4" s="16"/>
      <c r="D4" s="16"/>
      <c r="E4" s="16"/>
      <c r="F4" s="16"/>
      <c r="G4" s="16"/>
      <c r="H4" s="75"/>
      <c r="I4" s="76"/>
      <c r="J4" s="76"/>
      <c r="K4" s="76"/>
      <c r="L4" s="76"/>
      <c r="M4" s="76"/>
      <c r="N4" s="76"/>
      <c r="O4" s="76"/>
      <c r="P4" s="76"/>
      <c r="Q4" s="76"/>
      <c r="R4" s="76"/>
      <c r="S4" s="76"/>
      <c r="T4" s="76"/>
      <c r="U4" s="76"/>
      <c r="V4" s="76"/>
      <c r="W4" s="76"/>
      <c r="X4" s="77"/>
      <c r="Y4" s="71" t="s">
        <v>56</v>
      </c>
      <c r="Z4" s="71"/>
      <c r="AA4" s="71"/>
      <c r="AB4" s="71"/>
      <c r="AC4" s="71"/>
      <c r="AD4" s="71"/>
      <c r="AE4" s="71"/>
      <c r="AF4" s="71"/>
      <c r="AG4" s="71"/>
      <c r="AH4" s="71"/>
      <c r="AI4" s="71"/>
      <c r="AJ4" s="71" t="s">
        <v>57</v>
      </c>
      <c r="AK4" s="71"/>
      <c r="AL4" s="71"/>
      <c r="AM4" s="71"/>
      <c r="AN4" s="71"/>
      <c r="AO4" s="71"/>
      <c r="AP4" s="71"/>
      <c r="AQ4" s="71"/>
      <c r="AR4" s="71"/>
      <c r="AS4" s="71"/>
      <c r="AT4" s="71"/>
      <c r="AU4" s="71" t="s">
        <v>58</v>
      </c>
      <c r="AV4" s="71"/>
      <c r="AW4" s="71"/>
      <c r="AX4" s="71"/>
      <c r="AY4" s="71"/>
      <c r="AZ4" s="71"/>
      <c r="BA4" s="71"/>
      <c r="BB4" s="71"/>
      <c r="BC4" s="71"/>
      <c r="BD4" s="71"/>
      <c r="BE4" s="71"/>
      <c r="BF4" s="71" t="s">
        <v>59</v>
      </c>
      <c r="BG4" s="71"/>
      <c r="BH4" s="71"/>
      <c r="BI4" s="71"/>
      <c r="BJ4" s="71"/>
      <c r="BK4" s="71"/>
      <c r="BL4" s="71"/>
      <c r="BM4" s="71"/>
      <c r="BN4" s="71"/>
      <c r="BO4" s="71"/>
      <c r="BP4" s="71"/>
      <c r="BQ4" s="71" t="s">
        <v>60</v>
      </c>
      <c r="BR4" s="71"/>
      <c r="BS4" s="71"/>
      <c r="BT4" s="71"/>
      <c r="BU4" s="71"/>
      <c r="BV4" s="71"/>
      <c r="BW4" s="71"/>
      <c r="BX4" s="71"/>
      <c r="BY4" s="71"/>
      <c r="BZ4" s="71"/>
      <c r="CA4" s="71"/>
      <c r="CB4" s="71" t="s">
        <v>61</v>
      </c>
      <c r="CC4" s="71"/>
      <c r="CD4" s="71"/>
      <c r="CE4" s="71"/>
      <c r="CF4" s="71"/>
      <c r="CG4" s="71"/>
      <c r="CH4" s="71"/>
      <c r="CI4" s="71"/>
      <c r="CJ4" s="71"/>
      <c r="CK4" s="71"/>
      <c r="CL4" s="71"/>
      <c r="CM4" s="71" t="s">
        <v>62</v>
      </c>
      <c r="CN4" s="71"/>
      <c r="CO4" s="71"/>
      <c r="CP4" s="71"/>
      <c r="CQ4" s="71"/>
      <c r="CR4" s="71"/>
      <c r="CS4" s="71"/>
      <c r="CT4" s="71"/>
      <c r="CU4" s="71"/>
      <c r="CV4" s="71"/>
      <c r="CW4" s="71"/>
      <c r="CX4" s="71" t="s">
        <v>63</v>
      </c>
      <c r="CY4" s="71"/>
      <c r="CZ4" s="71"/>
      <c r="DA4" s="71"/>
      <c r="DB4" s="71"/>
      <c r="DC4" s="71"/>
      <c r="DD4" s="71"/>
      <c r="DE4" s="71"/>
      <c r="DF4" s="71"/>
      <c r="DG4" s="71"/>
      <c r="DH4" s="71"/>
      <c r="DI4" s="71" t="s">
        <v>64</v>
      </c>
      <c r="DJ4" s="71"/>
      <c r="DK4" s="71"/>
      <c r="DL4" s="71"/>
      <c r="DM4" s="71"/>
      <c r="DN4" s="71"/>
      <c r="DO4" s="71"/>
      <c r="DP4" s="71"/>
      <c r="DQ4" s="71"/>
      <c r="DR4" s="71"/>
      <c r="DS4" s="71"/>
      <c r="DT4" s="71" t="s">
        <v>65</v>
      </c>
      <c r="DU4" s="71"/>
      <c r="DV4" s="71"/>
      <c r="DW4" s="71"/>
      <c r="DX4" s="71"/>
      <c r="DY4" s="71"/>
      <c r="DZ4" s="71"/>
      <c r="EA4" s="71"/>
      <c r="EB4" s="71"/>
      <c r="EC4" s="71"/>
      <c r="ED4" s="71"/>
      <c r="EE4" s="71" t="s">
        <v>66</v>
      </c>
      <c r="EF4" s="71"/>
      <c r="EG4" s="71"/>
      <c r="EH4" s="71"/>
      <c r="EI4" s="71"/>
      <c r="EJ4" s="71"/>
      <c r="EK4" s="71"/>
      <c r="EL4" s="71"/>
      <c r="EM4" s="71"/>
      <c r="EN4" s="71"/>
      <c r="EO4" s="71"/>
    </row>
    <row r="5" spans="1:148" x14ac:dyDescent="0.15">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15">
      <c r="A6" s="14" t="s">
        <v>95</v>
      </c>
      <c r="B6" s="19">
        <f>B7</f>
        <v>2024</v>
      </c>
      <c r="C6" s="19">
        <f t="shared" ref="C6:X6" si="3">C7</f>
        <v>112402</v>
      </c>
      <c r="D6" s="19">
        <f t="shared" si="3"/>
        <v>46</v>
      </c>
      <c r="E6" s="19">
        <f t="shared" si="3"/>
        <v>17</v>
      </c>
      <c r="F6" s="19">
        <f t="shared" si="3"/>
        <v>1</v>
      </c>
      <c r="G6" s="19">
        <f t="shared" si="3"/>
        <v>0</v>
      </c>
      <c r="H6" s="19" t="str">
        <f t="shared" si="3"/>
        <v>埼玉県　幸手市</v>
      </c>
      <c r="I6" s="19" t="str">
        <f t="shared" si="3"/>
        <v>法適用</v>
      </c>
      <c r="J6" s="19" t="str">
        <f t="shared" si="3"/>
        <v>下水道事業</v>
      </c>
      <c r="K6" s="19" t="str">
        <f t="shared" si="3"/>
        <v>公共下水道</v>
      </c>
      <c r="L6" s="19" t="str">
        <f t="shared" si="3"/>
        <v>Cb1</v>
      </c>
      <c r="M6" s="19" t="str">
        <f t="shared" si="3"/>
        <v>非設置</v>
      </c>
      <c r="N6" s="20" t="str">
        <f t="shared" si="3"/>
        <v>-</v>
      </c>
      <c r="O6" s="20">
        <f t="shared" si="3"/>
        <v>73.11</v>
      </c>
      <c r="P6" s="20">
        <f t="shared" si="3"/>
        <v>46.31</v>
      </c>
      <c r="Q6" s="20">
        <f t="shared" si="3"/>
        <v>71.64</v>
      </c>
      <c r="R6" s="20">
        <f t="shared" si="3"/>
        <v>1595</v>
      </c>
      <c r="S6" s="20">
        <f t="shared" si="3"/>
        <v>48801</v>
      </c>
      <c r="T6" s="20">
        <f t="shared" si="3"/>
        <v>33.93</v>
      </c>
      <c r="U6" s="20">
        <f t="shared" si="3"/>
        <v>1438.28</v>
      </c>
      <c r="V6" s="20">
        <f t="shared" si="3"/>
        <v>22521</v>
      </c>
      <c r="W6" s="20">
        <f t="shared" si="3"/>
        <v>3.97</v>
      </c>
      <c r="X6" s="20">
        <f t="shared" si="3"/>
        <v>5672.8</v>
      </c>
      <c r="Y6" s="21">
        <f>IF(Y7="",NA(),Y7)</f>
        <v>102.95</v>
      </c>
      <c r="Z6" s="21">
        <f t="shared" ref="Z6:AH6" si="4">IF(Z7="",NA(),Z7)</f>
        <v>103.47</v>
      </c>
      <c r="AA6" s="21">
        <f t="shared" si="4"/>
        <v>104.17</v>
      </c>
      <c r="AB6" s="21">
        <f t="shared" si="4"/>
        <v>105.83</v>
      </c>
      <c r="AC6" s="21">
        <f t="shared" si="4"/>
        <v>105.16</v>
      </c>
      <c r="AD6" s="21">
        <f t="shared" si="4"/>
        <v>106.75</v>
      </c>
      <c r="AE6" s="21">
        <f t="shared" si="4"/>
        <v>103.57</v>
      </c>
      <c r="AF6" s="21">
        <f t="shared" si="4"/>
        <v>102.34</v>
      </c>
      <c r="AG6" s="21">
        <f t="shared" si="4"/>
        <v>104.17</v>
      </c>
      <c r="AH6" s="21">
        <f t="shared" si="4"/>
        <v>103.27</v>
      </c>
      <c r="AI6" s="20" t="str">
        <f>IF(AI7="","",IF(AI7="-","【-】","【"&amp;SUBSTITUTE(TEXT(AI7,"#,##0.00"),"-","△")&amp;"】"))</f>
        <v>【105.36】</v>
      </c>
      <c r="AJ6" s="20">
        <f>IF(AJ7="",NA(),AJ7)</f>
        <v>0</v>
      </c>
      <c r="AK6" s="20">
        <f t="shared" ref="AK6:AS6" si="5">IF(AK7="",NA(),AK7)</f>
        <v>0</v>
      </c>
      <c r="AL6" s="20">
        <f t="shared" si="5"/>
        <v>0</v>
      </c>
      <c r="AM6" s="20">
        <f t="shared" si="5"/>
        <v>0</v>
      </c>
      <c r="AN6" s="20">
        <f t="shared" si="5"/>
        <v>0</v>
      </c>
      <c r="AO6" s="21">
        <f t="shared" si="5"/>
        <v>7.23</v>
      </c>
      <c r="AP6" s="21">
        <f t="shared" si="5"/>
        <v>21.3</v>
      </c>
      <c r="AQ6" s="21">
        <f t="shared" si="5"/>
        <v>39.799999999999997</v>
      </c>
      <c r="AR6" s="21">
        <f t="shared" si="5"/>
        <v>20.04</v>
      </c>
      <c r="AS6" s="21">
        <f t="shared" si="5"/>
        <v>20.28</v>
      </c>
      <c r="AT6" s="20" t="str">
        <f>IF(AT7="","",IF(AT7="-","【-】","【"&amp;SUBSTITUTE(TEXT(AT7,"#,##0.00"),"-","△")&amp;"】"))</f>
        <v>【3.12】</v>
      </c>
      <c r="AU6" s="21">
        <f>IF(AU7="",NA(),AU7)</f>
        <v>65.290000000000006</v>
      </c>
      <c r="AV6" s="21">
        <f t="shared" ref="AV6:BD6" si="6">IF(AV7="",NA(),AV7)</f>
        <v>63.78</v>
      </c>
      <c r="AW6" s="21">
        <f t="shared" si="6"/>
        <v>84.46</v>
      </c>
      <c r="AX6" s="21">
        <f t="shared" si="6"/>
        <v>92.91</v>
      </c>
      <c r="AY6" s="21">
        <f t="shared" si="6"/>
        <v>110.92</v>
      </c>
      <c r="AZ6" s="21">
        <f t="shared" si="6"/>
        <v>38.76</v>
      </c>
      <c r="BA6" s="21">
        <f t="shared" si="6"/>
        <v>57.92</v>
      </c>
      <c r="BB6" s="21">
        <f t="shared" si="6"/>
        <v>63.17</v>
      </c>
      <c r="BC6" s="21">
        <f t="shared" si="6"/>
        <v>69.150000000000006</v>
      </c>
      <c r="BD6" s="21">
        <f t="shared" si="6"/>
        <v>74.84</v>
      </c>
      <c r="BE6" s="20" t="str">
        <f>IF(BE7="","",IF(BE7="-","【-】","【"&amp;SUBSTITUTE(TEXT(BE7,"#,##0.00"),"-","△")&amp;"】"))</f>
        <v>【82.75】</v>
      </c>
      <c r="BF6" s="21">
        <f>IF(BF7="",NA(),BF7)</f>
        <v>2059.84</v>
      </c>
      <c r="BG6" s="21">
        <f t="shared" ref="BG6:BO6" si="7">IF(BG7="",NA(),BG7)</f>
        <v>2006.88</v>
      </c>
      <c r="BH6" s="21">
        <f t="shared" si="7"/>
        <v>2011.06</v>
      </c>
      <c r="BI6" s="21">
        <f t="shared" si="7"/>
        <v>2006.27</v>
      </c>
      <c r="BJ6" s="21">
        <f t="shared" si="7"/>
        <v>2003.85</v>
      </c>
      <c r="BK6" s="21">
        <f t="shared" si="7"/>
        <v>1303.55</v>
      </c>
      <c r="BL6" s="21">
        <f t="shared" si="7"/>
        <v>799.49</v>
      </c>
      <c r="BM6" s="21">
        <f t="shared" si="7"/>
        <v>863.92</v>
      </c>
      <c r="BN6" s="21">
        <f t="shared" si="7"/>
        <v>793.41</v>
      </c>
      <c r="BO6" s="21">
        <f t="shared" si="7"/>
        <v>693.82</v>
      </c>
      <c r="BP6" s="20" t="str">
        <f>IF(BP7="","",IF(BP7="-","【-】","【"&amp;SUBSTITUTE(TEXT(BP7,"#,##0.00"),"-","△")&amp;"】"))</f>
        <v>【602.56】</v>
      </c>
      <c r="BQ6" s="21">
        <f>IF(BQ7="",NA(),BQ7)</f>
        <v>53.96</v>
      </c>
      <c r="BR6" s="21">
        <f t="shared" ref="BR6:BZ6" si="8">IF(BR7="",NA(),BR7)</f>
        <v>53.97</v>
      </c>
      <c r="BS6" s="21">
        <f t="shared" si="8"/>
        <v>54.96</v>
      </c>
      <c r="BT6" s="21">
        <f t="shared" si="8"/>
        <v>54.04</v>
      </c>
      <c r="BU6" s="21">
        <f t="shared" si="8"/>
        <v>54.75</v>
      </c>
      <c r="BV6" s="21">
        <f t="shared" si="8"/>
        <v>78.510000000000005</v>
      </c>
      <c r="BW6" s="21">
        <f t="shared" si="8"/>
        <v>89.09</v>
      </c>
      <c r="BX6" s="21">
        <f t="shared" si="8"/>
        <v>87.28</v>
      </c>
      <c r="BY6" s="21">
        <f t="shared" si="8"/>
        <v>84.86</v>
      </c>
      <c r="BZ6" s="21">
        <f t="shared" si="8"/>
        <v>85.44</v>
      </c>
      <c r="CA6" s="20" t="str">
        <f>IF(CA7="","",IF(CA7="-","【-】","【"&amp;SUBSTITUTE(TEXT(CA7,"#,##0.00"),"-","△")&amp;"】"))</f>
        <v>【97.94】</v>
      </c>
      <c r="CB6" s="21">
        <f>IF(CB7="",NA(),CB7)</f>
        <v>150</v>
      </c>
      <c r="CC6" s="21">
        <f t="shared" ref="CC6:CK6" si="9">IF(CC7="",NA(),CC7)</f>
        <v>150</v>
      </c>
      <c r="CD6" s="21">
        <f t="shared" si="9"/>
        <v>150</v>
      </c>
      <c r="CE6" s="21">
        <f t="shared" si="9"/>
        <v>150</v>
      </c>
      <c r="CF6" s="21">
        <f t="shared" si="9"/>
        <v>150</v>
      </c>
      <c r="CG6" s="21">
        <f t="shared" si="9"/>
        <v>160.44999999999999</v>
      </c>
      <c r="CH6" s="21">
        <f t="shared" si="9"/>
        <v>142.76</v>
      </c>
      <c r="CI6" s="21">
        <f t="shared" si="9"/>
        <v>145.58000000000001</v>
      </c>
      <c r="CJ6" s="21">
        <f t="shared" si="9"/>
        <v>147.69</v>
      </c>
      <c r="CK6" s="21">
        <f t="shared" si="9"/>
        <v>151.87</v>
      </c>
      <c r="CL6" s="20" t="str">
        <f>IF(CL7="","",IF(CL7="-","【-】","【"&amp;SUBSTITUTE(TEXT(CL7,"#,##0.00"),"-","△")&amp;"】"))</f>
        <v>【140.98】</v>
      </c>
      <c r="CM6" s="21" t="str">
        <f>IF(CM7="",NA(),CM7)</f>
        <v>-</v>
      </c>
      <c r="CN6" s="21" t="str">
        <f t="shared" ref="CN6:CV6" si="10">IF(CN7="",NA(),CN7)</f>
        <v>-</v>
      </c>
      <c r="CO6" s="21" t="str">
        <f t="shared" si="10"/>
        <v>-</v>
      </c>
      <c r="CP6" s="21" t="str">
        <f t="shared" si="10"/>
        <v>-</v>
      </c>
      <c r="CQ6" s="21" t="str">
        <f t="shared" si="10"/>
        <v>-</v>
      </c>
      <c r="CR6" s="21">
        <f t="shared" si="10"/>
        <v>46.3</v>
      </c>
      <c r="CS6" s="21">
        <f t="shared" si="10"/>
        <v>58.14</v>
      </c>
      <c r="CT6" s="21">
        <f t="shared" si="10"/>
        <v>58.55</v>
      </c>
      <c r="CU6" s="21">
        <f t="shared" si="10"/>
        <v>59.45</v>
      </c>
      <c r="CV6" s="21">
        <f t="shared" si="10"/>
        <v>60.92</v>
      </c>
      <c r="CW6" s="20" t="str">
        <f>IF(CW7="","",IF(CW7="-","【-】","【"&amp;SUBSTITUTE(TEXT(CW7,"#,##0.00"),"-","△")&amp;"】"))</f>
        <v>【60.13】</v>
      </c>
      <c r="CX6" s="21">
        <f>IF(CX7="",NA(),CX7)</f>
        <v>82.09</v>
      </c>
      <c r="CY6" s="21">
        <f t="shared" ref="CY6:DG6" si="11">IF(CY7="",NA(),CY7)</f>
        <v>83.1</v>
      </c>
      <c r="CZ6" s="21">
        <f t="shared" si="11"/>
        <v>83.04</v>
      </c>
      <c r="DA6" s="21">
        <f t="shared" si="11"/>
        <v>82.32</v>
      </c>
      <c r="DB6" s="21">
        <f t="shared" si="11"/>
        <v>82.37</v>
      </c>
      <c r="DC6" s="21">
        <f t="shared" si="11"/>
        <v>85.01</v>
      </c>
      <c r="DD6" s="21">
        <f t="shared" si="11"/>
        <v>92.44</v>
      </c>
      <c r="DE6" s="21">
        <f t="shared" si="11"/>
        <v>91.97</v>
      </c>
      <c r="DF6" s="21">
        <f t="shared" si="11"/>
        <v>91.93</v>
      </c>
      <c r="DG6" s="21">
        <f t="shared" si="11"/>
        <v>92.33</v>
      </c>
      <c r="DH6" s="20" t="str">
        <f>IF(DH7="","",IF(DH7="-","【-】","【"&amp;SUBSTITUTE(TEXT(DH7,"#,##0.00"),"-","△")&amp;"】"))</f>
        <v>【96.00】</v>
      </c>
      <c r="DI6" s="21">
        <f>IF(DI7="",NA(),DI7)</f>
        <v>37.159999999999997</v>
      </c>
      <c r="DJ6" s="21">
        <f t="shared" ref="DJ6:DR6" si="12">IF(DJ7="",NA(),DJ7)</f>
        <v>38.67</v>
      </c>
      <c r="DK6" s="21">
        <f t="shared" si="12"/>
        <v>39.619999999999997</v>
      </c>
      <c r="DL6" s="21">
        <f t="shared" si="12"/>
        <v>41.06</v>
      </c>
      <c r="DM6" s="21">
        <f t="shared" si="12"/>
        <v>42.03</v>
      </c>
      <c r="DN6" s="21">
        <f t="shared" si="12"/>
        <v>9.0399999999999991</v>
      </c>
      <c r="DO6" s="21">
        <f t="shared" si="12"/>
        <v>23.14</v>
      </c>
      <c r="DP6" s="21">
        <f t="shared" si="12"/>
        <v>23.95</v>
      </c>
      <c r="DQ6" s="21">
        <f t="shared" si="12"/>
        <v>25.32</v>
      </c>
      <c r="DR6" s="21">
        <f t="shared" si="12"/>
        <v>25.69</v>
      </c>
      <c r="DS6" s="20" t="str">
        <f>IF(DS7="","",IF(DS7="-","【-】","【"&amp;SUBSTITUTE(TEXT(DS7,"#,##0.00"),"-","△")&amp;"】"))</f>
        <v>【42.20】</v>
      </c>
      <c r="DT6" s="20">
        <f>IF(DT7="",NA(),DT7)</f>
        <v>0</v>
      </c>
      <c r="DU6" s="20">
        <f t="shared" ref="DU6:EC6" si="13">IF(DU7="",NA(),DU7)</f>
        <v>0</v>
      </c>
      <c r="DV6" s="20">
        <f t="shared" si="13"/>
        <v>0</v>
      </c>
      <c r="DW6" s="21">
        <f t="shared" si="13"/>
        <v>0.49</v>
      </c>
      <c r="DX6" s="21">
        <f t="shared" si="13"/>
        <v>7.39</v>
      </c>
      <c r="DY6" s="20">
        <f t="shared" si="13"/>
        <v>0</v>
      </c>
      <c r="DZ6" s="21">
        <f t="shared" si="13"/>
        <v>0.55000000000000004</v>
      </c>
      <c r="EA6" s="21">
        <f t="shared" si="13"/>
        <v>0.78</v>
      </c>
      <c r="EB6" s="21">
        <f t="shared" si="13"/>
        <v>0.91</v>
      </c>
      <c r="EC6" s="21">
        <f t="shared" si="13"/>
        <v>2.9</v>
      </c>
      <c r="ED6" s="20" t="str">
        <f>IF(ED7="","",IF(ED7="-","【-】","【"&amp;SUBSTITUTE(TEXT(ED7,"#,##0.00"),"-","△")&amp;"】"))</f>
        <v>【9.46】</v>
      </c>
      <c r="EE6" s="20">
        <f>IF(EE7="",NA(),EE7)</f>
        <v>0</v>
      </c>
      <c r="EF6" s="20">
        <f t="shared" ref="EF6:EN6" si="14">IF(EF7="",NA(),EF7)</f>
        <v>0</v>
      </c>
      <c r="EG6" s="20">
        <f t="shared" si="14"/>
        <v>0</v>
      </c>
      <c r="EH6" s="20">
        <f t="shared" si="14"/>
        <v>0</v>
      </c>
      <c r="EI6" s="20">
        <f t="shared" si="14"/>
        <v>0</v>
      </c>
      <c r="EJ6" s="21">
        <f t="shared" si="14"/>
        <v>0.04</v>
      </c>
      <c r="EK6" s="21">
        <f t="shared" si="14"/>
        <v>0.15</v>
      </c>
      <c r="EL6" s="21">
        <f t="shared" si="14"/>
        <v>0.12</v>
      </c>
      <c r="EM6" s="21">
        <f t="shared" si="14"/>
        <v>0.18</v>
      </c>
      <c r="EN6" s="21">
        <f t="shared" si="14"/>
        <v>0.16</v>
      </c>
      <c r="EO6" s="20" t="str">
        <f>IF(EO7="","",IF(EO7="-","【-】","【"&amp;SUBSTITUTE(TEXT(EO7,"#,##0.00"),"-","△")&amp;"】"))</f>
        <v>【0.19】</v>
      </c>
    </row>
    <row r="7" spans="1:148" s="22" customFormat="1" x14ac:dyDescent="0.15">
      <c r="A7" s="14"/>
      <c r="B7" s="23">
        <v>2024</v>
      </c>
      <c r="C7" s="23">
        <v>112402</v>
      </c>
      <c r="D7" s="23">
        <v>46</v>
      </c>
      <c r="E7" s="23">
        <v>17</v>
      </c>
      <c r="F7" s="23">
        <v>1</v>
      </c>
      <c r="G7" s="23">
        <v>0</v>
      </c>
      <c r="H7" s="23" t="s">
        <v>96</v>
      </c>
      <c r="I7" s="23" t="s">
        <v>97</v>
      </c>
      <c r="J7" s="23" t="s">
        <v>98</v>
      </c>
      <c r="K7" s="23" t="s">
        <v>99</v>
      </c>
      <c r="L7" s="23" t="s">
        <v>100</v>
      </c>
      <c r="M7" s="23" t="s">
        <v>101</v>
      </c>
      <c r="N7" s="24" t="s">
        <v>102</v>
      </c>
      <c r="O7" s="24">
        <v>73.11</v>
      </c>
      <c r="P7" s="24">
        <v>46.31</v>
      </c>
      <c r="Q7" s="24">
        <v>71.64</v>
      </c>
      <c r="R7" s="24">
        <v>1595</v>
      </c>
      <c r="S7" s="24">
        <v>48801</v>
      </c>
      <c r="T7" s="24">
        <v>33.93</v>
      </c>
      <c r="U7" s="24">
        <v>1438.28</v>
      </c>
      <c r="V7" s="24">
        <v>22521</v>
      </c>
      <c r="W7" s="24">
        <v>3.97</v>
      </c>
      <c r="X7" s="24">
        <v>5672.8</v>
      </c>
      <c r="Y7" s="24">
        <v>102.95</v>
      </c>
      <c r="Z7" s="24">
        <v>103.47</v>
      </c>
      <c r="AA7" s="24">
        <v>104.17</v>
      </c>
      <c r="AB7" s="24">
        <v>105.83</v>
      </c>
      <c r="AC7" s="24">
        <v>105.16</v>
      </c>
      <c r="AD7" s="24">
        <v>106.75</v>
      </c>
      <c r="AE7" s="24">
        <v>103.57</v>
      </c>
      <c r="AF7" s="24">
        <v>102.34</v>
      </c>
      <c r="AG7" s="24">
        <v>104.17</v>
      </c>
      <c r="AH7" s="24">
        <v>103.27</v>
      </c>
      <c r="AI7" s="24">
        <v>105.36</v>
      </c>
      <c r="AJ7" s="24">
        <v>0</v>
      </c>
      <c r="AK7" s="24">
        <v>0</v>
      </c>
      <c r="AL7" s="24">
        <v>0</v>
      </c>
      <c r="AM7" s="24">
        <v>0</v>
      </c>
      <c r="AN7" s="24">
        <v>0</v>
      </c>
      <c r="AO7" s="24">
        <v>7.23</v>
      </c>
      <c r="AP7" s="24">
        <v>21.3</v>
      </c>
      <c r="AQ7" s="24">
        <v>39.799999999999997</v>
      </c>
      <c r="AR7" s="24">
        <v>20.04</v>
      </c>
      <c r="AS7" s="24">
        <v>20.28</v>
      </c>
      <c r="AT7" s="24">
        <v>3.12</v>
      </c>
      <c r="AU7" s="24">
        <v>65.290000000000006</v>
      </c>
      <c r="AV7" s="24">
        <v>63.78</v>
      </c>
      <c r="AW7" s="24">
        <v>84.46</v>
      </c>
      <c r="AX7" s="24">
        <v>92.91</v>
      </c>
      <c r="AY7" s="24">
        <v>110.92</v>
      </c>
      <c r="AZ7" s="24">
        <v>38.76</v>
      </c>
      <c r="BA7" s="24">
        <v>57.92</v>
      </c>
      <c r="BB7" s="24">
        <v>63.17</v>
      </c>
      <c r="BC7" s="24">
        <v>69.150000000000006</v>
      </c>
      <c r="BD7" s="24">
        <v>74.84</v>
      </c>
      <c r="BE7" s="24">
        <v>82.75</v>
      </c>
      <c r="BF7" s="24">
        <v>2059.84</v>
      </c>
      <c r="BG7" s="24">
        <v>2006.88</v>
      </c>
      <c r="BH7" s="24">
        <v>2011.06</v>
      </c>
      <c r="BI7" s="24">
        <v>2006.27</v>
      </c>
      <c r="BJ7" s="24">
        <v>2003.85</v>
      </c>
      <c r="BK7" s="24">
        <v>1303.55</v>
      </c>
      <c r="BL7" s="24">
        <v>799.49</v>
      </c>
      <c r="BM7" s="24">
        <v>863.92</v>
      </c>
      <c r="BN7" s="24">
        <v>793.41</v>
      </c>
      <c r="BO7" s="24">
        <v>693.82</v>
      </c>
      <c r="BP7" s="24">
        <v>602.55999999999995</v>
      </c>
      <c r="BQ7" s="24">
        <v>53.96</v>
      </c>
      <c r="BR7" s="24">
        <v>53.97</v>
      </c>
      <c r="BS7" s="24">
        <v>54.96</v>
      </c>
      <c r="BT7" s="24">
        <v>54.04</v>
      </c>
      <c r="BU7" s="24">
        <v>54.75</v>
      </c>
      <c r="BV7" s="24">
        <v>78.510000000000005</v>
      </c>
      <c r="BW7" s="24">
        <v>89.09</v>
      </c>
      <c r="BX7" s="24">
        <v>87.28</v>
      </c>
      <c r="BY7" s="24">
        <v>84.86</v>
      </c>
      <c r="BZ7" s="24">
        <v>85.44</v>
      </c>
      <c r="CA7" s="24">
        <v>97.94</v>
      </c>
      <c r="CB7" s="24">
        <v>150</v>
      </c>
      <c r="CC7" s="24">
        <v>150</v>
      </c>
      <c r="CD7" s="24">
        <v>150</v>
      </c>
      <c r="CE7" s="24">
        <v>150</v>
      </c>
      <c r="CF7" s="24">
        <v>150</v>
      </c>
      <c r="CG7" s="24">
        <v>160.44999999999999</v>
      </c>
      <c r="CH7" s="24">
        <v>142.76</v>
      </c>
      <c r="CI7" s="24">
        <v>145.58000000000001</v>
      </c>
      <c r="CJ7" s="24">
        <v>147.69</v>
      </c>
      <c r="CK7" s="24">
        <v>151.87</v>
      </c>
      <c r="CL7" s="24">
        <v>140.97999999999999</v>
      </c>
      <c r="CM7" s="24" t="s">
        <v>102</v>
      </c>
      <c r="CN7" s="24" t="s">
        <v>102</v>
      </c>
      <c r="CO7" s="24" t="s">
        <v>102</v>
      </c>
      <c r="CP7" s="24" t="s">
        <v>102</v>
      </c>
      <c r="CQ7" s="24" t="s">
        <v>102</v>
      </c>
      <c r="CR7" s="24">
        <v>46.3</v>
      </c>
      <c r="CS7" s="24">
        <v>58.14</v>
      </c>
      <c r="CT7" s="24">
        <v>58.55</v>
      </c>
      <c r="CU7" s="24">
        <v>59.45</v>
      </c>
      <c r="CV7" s="24">
        <v>60.92</v>
      </c>
      <c r="CW7" s="24">
        <v>60.13</v>
      </c>
      <c r="CX7" s="24">
        <v>82.09</v>
      </c>
      <c r="CY7" s="24">
        <v>83.1</v>
      </c>
      <c r="CZ7" s="24">
        <v>83.04</v>
      </c>
      <c r="DA7" s="24">
        <v>82.32</v>
      </c>
      <c r="DB7" s="24">
        <v>82.37</v>
      </c>
      <c r="DC7" s="24">
        <v>85.01</v>
      </c>
      <c r="DD7" s="24">
        <v>92.44</v>
      </c>
      <c r="DE7" s="24">
        <v>91.97</v>
      </c>
      <c r="DF7" s="24">
        <v>91.93</v>
      </c>
      <c r="DG7" s="24">
        <v>92.33</v>
      </c>
      <c r="DH7" s="24">
        <v>96</v>
      </c>
      <c r="DI7" s="24">
        <v>37.159999999999997</v>
      </c>
      <c r="DJ7" s="24">
        <v>38.67</v>
      </c>
      <c r="DK7" s="24">
        <v>39.619999999999997</v>
      </c>
      <c r="DL7" s="24">
        <v>41.06</v>
      </c>
      <c r="DM7" s="24">
        <v>42.03</v>
      </c>
      <c r="DN7" s="24">
        <v>9.0399999999999991</v>
      </c>
      <c r="DO7" s="24">
        <v>23.14</v>
      </c>
      <c r="DP7" s="24">
        <v>23.95</v>
      </c>
      <c r="DQ7" s="24">
        <v>25.32</v>
      </c>
      <c r="DR7" s="24">
        <v>25.69</v>
      </c>
      <c r="DS7" s="24">
        <v>42.2</v>
      </c>
      <c r="DT7" s="24">
        <v>0</v>
      </c>
      <c r="DU7" s="24">
        <v>0</v>
      </c>
      <c r="DV7" s="24">
        <v>0</v>
      </c>
      <c r="DW7" s="24">
        <v>0.49</v>
      </c>
      <c r="DX7" s="24">
        <v>7.39</v>
      </c>
      <c r="DY7" s="24">
        <v>0</v>
      </c>
      <c r="DZ7" s="24">
        <v>0.55000000000000004</v>
      </c>
      <c r="EA7" s="24">
        <v>0.78</v>
      </c>
      <c r="EB7" s="24">
        <v>0.91</v>
      </c>
      <c r="EC7" s="24">
        <v>2.9</v>
      </c>
      <c r="ED7" s="24">
        <v>9.4600000000000009</v>
      </c>
      <c r="EE7" s="24">
        <v>0</v>
      </c>
      <c r="EF7" s="24">
        <v>0</v>
      </c>
      <c r="EG7" s="24">
        <v>0</v>
      </c>
      <c r="EH7" s="24">
        <v>0</v>
      </c>
      <c r="EI7" s="24">
        <v>0</v>
      </c>
      <c r="EJ7" s="24">
        <v>0.04</v>
      </c>
      <c r="EK7" s="24">
        <v>0.15</v>
      </c>
      <c r="EL7" s="24">
        <v>0.12</v>
      </c>
      <c r="EM7" s="24">
        <v>0.18</v>
      </c>
      <c r="EN7" s="24">
        <v>0.16</v>
      </c>
      <c r="EO7" s="24">
        <v>0.19</v>
      </c>
    </row>
    <row r="8" spans="1:148" x14ac:dyDescent="0.15">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15">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15">
      <c r="A10" s="26" t="s">
        <v>46</v>
      </c>
      <c r="B10" s="27">
        <f>DATEVALUE($B7-B11&amp;"/1/"&amp;B12)</f>
        <v>37257</v>
      </c>
      <c r="C10" s="27">
        <f t="shared" ref="C10:F10" si="15">DATEVALUE($B7-C11&amp;"/1/"&amp;C12)</f>
        <v>37622</v>
      </c>
      <c r="D10" s="27">
        <f t="shared" si="15"/>
        <v>37988</v>
      </c>
      <c r="E10" s="27">
        <f t="shared" si="15"/>
        <v>38355</v>
      </c>
      <c r="F10" s="27">
        <f t="shared" si="15"/>
        <v>38721</v>
      </c>
    </row>
    <row r="11" spans="1:148" x14ac:dyDescent="0.15">
      <c r="B11">
        <v>22</v>
      </c>
      <c r="C11">
        <v>21</v>
      </c>
      <c r="D11">
        <v>20</v>
      </c>
      <c r="E11">
        <v>19</v>
      </c>
      <c r="F11">
        <v>18</v>
      </c>
      <c r="G11" t="s">
        <v>108</v>
      </c>
    </row>
    <row r="12" spans="1:148" x14ac:dyDescent="0.15">
      <c r="B12">
        <v>1</v>
      </c>
      <c r="C12">
        <v>1</v>
      </c>
      <c r="D12">
        <v>2</v>
      </c>
      <c r="E12">
        <v>3</v>
      </c>
      <c r="F12">
        <v>4</v>
      </c>
      <c r="G12" t="s">
        <v>109</v>
      </c>
    </row>
    <row r="13" spans="1:148" x14ac:dyDescent="0.15">
      <c r="B13" t="s">
        <v>110</v>
      </c>
      <c r="C13" t="s">
        <v>111</v>
      </c>
      <c r="D13" t="s">
        <v>110</v>
      </c>
      <c r="E13" t="s">
        <v>110</v>
      </c>
      <c r="F13" t="s">
        <v>110</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Printed>2026-01-19T02:16:13Z</cp:lastPrinted>
  <dcterms:created xsi:type="dcterms:W3CDTF">2025-12-23T05:58:49Z</dcterms:created>
  <dcterms:modified xsi:type="dcterms:W3CDTF">2026-01-26T02:19:04Z</dcterms:modified>
  <cp:category/>
</cp:coreProperties>
</file>